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activeX/activeX1.xml" ContentType="application/vnd.ms-office.activeX+xml"/>
  <Override PartName="/xl/activeX/activeX1.bin" ContentType="application/vnd.ms-office.activeX"/>
  <Override PartName="/xl/activeX/activeX2.xml" ContentType="application/vnd.ms-office.activeX+xml"/>
  <Override PartName="/xl/activeX/activeX2.bin" ContentType="application/vnd.ms-office.activeX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C:\Users\s607288\Downloads\"/>
    </mc:Choice>
  </mc:AlternateContent>
  <bookViews>
    <workbookView xWindow="0" yWindow="0" windowWidth="23040" windowHeight="9192"/>
  </bookViews>
  <sheets>
    <sheet name="Feuil1" sheetId="1" r:id="rId1"/>
    <sheet name="Feuil2" sheetId="2" r:id="rId2"/>
  </sheets>
  <externalReferences>
    <externalReference r:id="rId3"/>
  </externalReferenc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" uniqueCount="2">
  <si>
    <t>Date</t>
  </si>
  <si>
    <t>Valeur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2">
    <xf numFmtId="0" fontId="0" fillId="0" borderId="0" xfId="0"/>
    <xf numFmtId="14" fontId="0" fillId="0" borderId="0" xfId="0" applyNumberForma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activeX/_rels/activeX1.xml.rels><?xml version="1.0" encoding="UTF-8" standalone="yes"?>
<Relationships xmlns="http://schemas.openxmlformats.org/package/2006/relationships"><Relationship Id="rId1" Type="http://schemas.microsoft.com/office/2006/relationships/activeXControlBinary" Target="activeX1.bin"/></Relationships>
</file>

<file path=xl/activeX/_rels/activeX2.xml.rels><?xml version="1.0" encoding="UTF-8" standalone="yes"?>
<Relationships xmlns="http://schemas.openxmlformats.org/package/2006/relationships"><Relationship Id="rId1" Type="http://schemas.microsoft.com/office/2006/relationships/activeXControlBinary" Target="activeX2.bin"/></Relationships>
</file>

<file path=xl/activeX/activeX1.xml><?xml version="1.0" encoding="utf-8"?>
<ax:ocx xmlns:ax="http://schemas.microsoft.com/office/2006/activeX" xmlns:r="http://schemas.openxmlformats.org/officeDocument/2006/relationships" ax:classid="{8BD21D10-EC42-11CE-9E0D-00AA006002F3}" ax:persistence="persistStreamInit" r:id="rId1"/>
</file>

<file path=xl/activeX/activeX2.xml><?xml version="1.0" encoding="utf-8"?>
<ax:ocx xmlns:ax="http://schemas.microsoft.com/office/2006/activeX" xmlns:r="http://schemas.openxmlformats.org/officeDocument/2006/relationships" ax:classid="{8BD21D10-EC42-11CE-9E0D-00AA006002F3}" ax:persistence="persistStreamInit" r:id="rId1"/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fr-FR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600" b="1" i="0" u="none" strike="noStrike" kern="1200" spc="100" baseline="0">
              <a:solidFill>
                <a:schemeClr val="lt1">
                  <a:lumMod val="95000"/>
                </a:schemeClr>
              </a:solidFill>
              <a:effectLst>
                <a:outerShdw blurRad="50800" dist="38100" dir="5400000" algn="t" rotWithShape="0">
                  <a:prstClr val="black">
                    <a:alpha val="40000"/>
                  </a:prstClr>
                </a:outerShdw>
              </a:effectLst>
              <a:latin typeface="+mn-lt"/>
              <a:ea typeface="+mn-ea"/>
              <a:cs typeface="+mn-cs"/>
            </a:defRPr>
          </a:pPr>
          <a:endParaRPr lang="fr-FR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Feuil2!$B$1</c:f>
              <c:strCache>
                <c:ptCount val="1"/>
                <c:pt idx="0">
                  <c:v>Valeurs</c:v>
                </c:pt>
              </c:strCache>
            </c:strRef>
          </c:tx>
          <c:spPr>
            <a:ln w="34925" cap="rnd">
              <a:solidFill>
                <a:schemeClr val="accent1"/>
              </a:solidFill>
              <a:round/>
            </a:ln>
            <a:effectLst>
              <a:outerShdw blurRad="57150" dist="19050" dir="5400000" algn="ctr" rotWithShape="0">
                <a:srgbClr val="000000">
                  <a:alpha val="63000"/>
                </a:srgbClr>
              </a:outerShdw>
            </a:effectLst>
          </c:spPr>
          <c:marker>
            <c:symbol val="none"/>
          </c:marker>
          <c:cat>
            <c:numRef>
              <c:f>Feuil2!$A$2:$A$396</c:f>
              <c:numCache>
                <c:formatCode>m/d/yyyy</c:formatCode>
                <c:ptCount val="395"/>
                <c:pt idx="0">
                  <c:v>44237</c:v>
                </c:pt>
                <c:pt idx="1">
                  <c:v>44238</c:v>
                </c:pt>
                <c:pt idx="2">
                  <c:v>44239</c:v>
                </c:pt>
                <c:pt idx="3">
                  <c:v>44240</c:v>
                </c:pt>
                <c:pt idx="4">
                  <c:v>44241</c:v>
                </c:pt>
                <c:pt idx="5">
                  <c:v>44242</c:v>
                </c:pt>
                <c:pt idx="6">
                  <c:v>44243</c:v>
                </c:pt>
                <c:pt idx="7">
                  <c:v>44244</c:v>
                </c:pt>
                <c:pt idx="8">
                  <c:v>44245</c:v>
                </c:pt>
                <c:pt idx="9">
                  <c:v>44246</c:v>
                </c:pt>
                <c:pt idx="10">
                  <c:v>44247</c:v>
                </c:pt>
                <c:pt idx="11">
                  <c:v>44248</c:v>
                </c:pt>
                <c:pt idx="12">
                  <c:v>44249</c:v>
                </c:pt>
                <c:pt idx="13">
                  <c:v>44250</c:v>
                </c:pt>
                <c:pt idx="14">
                  <c:v>44251</c:v>
                </c:pt>
                <c:pt idx="15">
                  <c:v>44252</c:v>
                </c:pt>
                <c:pt idx="16">
                  <c:v>44253</c:v>
                </c:pt>
                <c:pt idx="17">
                  <c:v>44254</c:v>
                </c:pt>
                <c:pt idx="18">
                  <c:v>44255</c:v>
                </c:pt>
                <c:pt idx="19">
                  <c:v>44256</c:v>
                </c:pt>
                <c:pt idx="20">
                  <c:v>44257</c:v>
                </c:pt>
                <c:pt idx="21">
                  <c:v>44258</c:v>
                </c:pt>
                <c:pt idx="22">
                  <c:v>44259</c:v>
                </c:pt>
                <c:pt idx="23">
                  <c:v>44260</c:v>
                </c:pt>
                <c:pt idx="24">
                  <c:v>44261</c:v>
                </c:pt>
                <c:pt idx="25">
                  <c:v>44262</c:v>
                </c:pt>
                <c:pt idx="26">
                  <c:v>44263</c:v>
                </c:pt>
                <c:pt idx="27">
                  <c:v>44264</c:v>
                </c:pt>
                <c:pt idx="28">
                  <c:v>44265</c:v>
                </c:pt>
                <c:pt idx="29">
                  <c:v>44266</c:v>
                </c:pt>
                <c:pt idx="30">
                  <c:v>44267</c:v>
                </c:pt>
                <c:pt idx="31">
                  <c:v>44268</c:v>
                </c:pt>
                <c:pt idx="32">
                  <c:v>44269</c:v>
                </c:pt>
                <c:pt idx="33">
                  <c:v>44270</c:v>
                </c:pt>
                <c:pt idx="34">
                  <c:v>44271</c:v>
                </c:pt>
                <c:pt idx="35">
                  <c:v>44272</c:v>
                </c:pt>
                <c:pt idx="36">
                  <c:v>44273</c:v>
                </c:pt>
                <c:pt idx="37">
                  <c:v>44274</c:v>
                </c:pt>
                <c:pt idx="38">
                  <c:v>44275</c:v>
                </c:pt>
                <c:pt idx="39">
                  <c:v>44276</c:v>
                </c:pt>
                <c:pt idx="40">
                  <c:v>44277</c:v>
                </c:pt>
                <c:pt idx="41">
                  <c:v>44278</c:v>
                </c:pt>
                <c:pt idx="42">
                  <c:v>44279</c:v>
                </c:pt>
                <c:pt idx="43">
                  <c:v>44280</c:v>
                </c:pt>
                <c:pt idx="44">
                  <c:v>44281</c:v>
                </c:pt>
                <c:pt idx="45">
                  <c:v>44282</c:v>
                </c:pt>
                <c:pt idx="46">
                  <c:v>44283</c:v>
                </c:pt>
                <c:pt idx="47">
                  <c:v>44284</c:v>
                </c:pt>
                <c:pt idx="48">
                  <c:v>44285</c:v>
                </c:pt>
                <c:pt idx="49">
                  <c:v>44286</c:v>
                </c:pt>
                <c:pt idx="50">
                  <c:v>44287</c:v>
                </c:pt>
                <c:pt idx="51">
                  <c:v>44288</c:v>
                </c:pt>
                <c:pt idx="52">
                  <c:v>44289</c:v>
                </c:pt>
                <c:pt idx="53">
                  <c:v>44290</c:v>
                </c:pt>
                <c:pt idx="54">
                  <c:v>44291</c:v>
                </c:pt>
                <c:pt idx="55">
                  <c:v>44292</c:v>
                </c:pt>
                <c:pt idx="56">
                  <c:v>44293</c:v>
                </c:pt>
                <c:pt idx="57">
                  <c:v>44294</c:v>
                </c:pt>
                <c:pt idx="58">
                  <c:v>44295</c:v>
                </c:pt>
                <c:pt idx="59">
                  <c:v>44296</c:v>
                </c:pt>
                <c:pt idx="60">
                  <c:v>44297</c:v>
                </c:pt>
                <c:pt idx="61">
                  <c:v>44298</c:v>
                </c:pt>
                <c:pt idx="62">
                  <c:v>44299</c:v>
                </c:pt>
                <c:pt idx="63">
                  <c:v>44300</c:v>
                </c:pt>
                <c:pt idx="64">
                  <c:v>44301</c:v>
                </c:pt>
                <c:pt idx="65">
                  <c:v>44302</c:v>
                </c:pt>
                <c:pt idx="66">
                  <c:v>44303</c:v>
                </c:pt>
                <c:pt idx="67">
                  <c:v>44304</c:v>
                </c:pt>
                <c:pt idx="68">
                  <c:v>44305</c:v>
                </c:pt>
                <c:pt idx="69">
                  <c:v>44306</c:v>
                </c:pt>
                <c:pt idx="70">
                  <c:v>44307</c:v>
                </c:pt>
                <c:pt idx="71">
                  <c:v>44308</c:v>
                </c:pt>
                <c:pt idx="72">
                  <c:v>44309</c:v>
                </c:pt>
                <c:pt idx="73">
                  <c:v>44310</c:v>
                </c:pt>
                <c:pt idx="74">
                  <c:v>44311</c:v>
                </c:pt>
                <c:pt idx="75">
                  <c:v>44312</c:v>
                </c:pt>
                <c:pt idx="76">
                  <c:v>44313</c:v>
                </c:pt>
                <c:pt idx="77">
                  <c:v>44314</c:v>
                </c:pt>
                <c:pt idx="78">
                  <c:v>44315</c:v>
                </c:pt>
                <c:pt idx="79">
                  <c:v>44316</c:v>
                </c:pt>
                <c:pt idx="80">
                  <c:v>44317</c:v>
                </c:pt>
                <c:pt idx="81">
                  <c:v>44318</c:v>
                </c:pt>
                <c:pt idx="82">
                  <c:v>44319</c:v>
                </c:pt>
                <c:pt idx="83">
                  <c:v>44320</c:v>
                </c:pt>
                <c:pt idx="84">
                  <c:v>44321</c:v>
                </c:pt>
                <c:pt idx="85">
                  <c:v>44322</c:v>
                </c:pt>
                <c:pt idx="86">
                  <c:v>44323</c:v>
                </c:pt>
                <c:pt idx="87">
                  <c:v>44324</c:v>
                </c:pt>
                <c:pt idx="88">
                  <c:v>44325</c:v>
                </c:pt>
                <c:pt idx="89">
                  <c:v>44326</c:v>
                </c:pt>
                <c:pt idx="90">
                  <c:v>44327</c:v>
                </c:pt>
                <c:pt idx="91">
                  <c:v>44328</c:v>
                </c:pt>
                <c:pt idx="92">
                  <c:v>44329</c:v>
                </c:pt>
                <c:pt idx="93">
                  <c:v>44330</c:v>
                </c:pt>
                <c:pt idx="94">
                  <c:v>44331</c:v>
                </c:pt>
                <c:pt idx="95">
                  <c:v>44332</c:v>
                </c:pt>
                <c:pt idx="96">
                  <c:v>44333</c:v>
                </c:pt>
                <c:pt idx="97">
                  <c:v>44334</c:v>
                </c:pt>
                <c:pt idx="98">
                  <c:v>44335</c:v>
                </c:pt>
                <c:pt idx="99">
                  <c:v>44336</c:v>
                </c:pt>
                <c:pt idx="100">
                  <c:v>44337</c:v>
                </c:pt>
                <c:pt idx="101">
                  <c:v>44338</c:v>
                </c:pt>
                <c:pt idx="102">
                  <c:v>44339</c:v>
                </c:pt>
                <c:pt idx="103">
                  <c:v>44340</c:v>
                </c:pt>
                <c:pt idx="104">
                  <c:v>44341</c:v>
                </c:pt>
                <c:pt idx="105">
                  <c:v>44342</c:v>
                </c:pt>
                <c:pt idx="106">
                  <c:v>44343</c:v>
                </c:pt>
                <c:pt idx="107">
                  <c:v>44344</c:v>
                </c:pt>
                <c:pt idx="108">
                  <c:v>44345</c:v>
                </c:pt>
                <c:pt idx="109">
                  <c:v>44346</c:v>
                </c:pt>
                <c:pt idx="110">
                  <c:v>44347</c:v>
                </c:pt>
                <c:pt idx="111">
                  <c:v>44348</c:v>
                </c:pt>
                <c:pt idx="112">
                  <c:v>44349</c:v>
                </c:pt>
                <c:pt idx="113">
                  <c:v>44350</c:v>
                </c:pt>
                <c:pt idx="114">
                  <c:v>44351</c:v>
                </c:pt>
                <c:pt idx="115">
                  <c:v>44352</c:v>
                </c:pt>
                <c:pt idx="116">
                  <c:v>44353</c:v>
                </c:pt>
                <c:pt idx="117">
                  <c:v>44354</c:v>
                </c:pt>
                <c:pt idx="118">
                  <c:v>44355</c:v>
                </c:pt>
                <c:pt idx="119">
                  <c:v>44356</c:v>
                </c:pt>
                <c:pt idx="120">
                  <c:v>44357</c:v>
                </c:pt>
                <c:pt idx="121">
                  <c:v>44358</c:v>
                </c:pt>
                <c:pt idx="122">
                  <c:v>44359</c:v>
                </c:pt>
                <c:pt idx="123">
                  <c:v>44360</c:v>
                </c:pt>
                <c:pt idx="124">
                  <c:v>44361</c:v>
                </c:pt>
                <c:pt idx="125">
                  <c:v>44362</c:v>
                </c:pt>
                <c:pt idx="126">
                  <c:v>44363</c:v>
                </c:pt>
                <c:pt idx="127">
                  <c:v>44364</c:v>
                </c:pt>
                <c:pt idx="128">
                  <c:v>44365</c:v>
                </c:pt>
                <c:pt idx="129">
                  <c:v>44366</c:v>
                </c:pt>
                <c:pt idx="130">
                  <c:v>44367</c:v>
                </c:pt>
                <c:pt idx="131">
                  <c:v>44368</c:v>
                </c:pt>
                <c:pt idx="132">
                  <c:v>44369</c:v>
                </c:pt>
                <c:pt idx="133">
                  <c:v>44370</c:v>
                </c:pt>
                <c:pt idx="134">
                  <c:v>44371</c:v>
                </c:pt>
                <c:pt idx="135">
                  <c:v>44372</c:v>
                </c:pt>
                <c:pt idx="136">
                  <c:v>44373</c:v>
                </c:pt>
                <c:pt idx="137">
                  <c:v>44374</c:v>
                </c:pt>
                <c:pt idx="138">
                  <c:v>44375</c:v>
                </c:pt>
                <c:pt idx="139">
                  <c:v>44376</c:v>
                </c:pt>
                <c:pt idx="140">
                  <c:v>44377</c:v>
                </c:pt>
                <c:pt idx="141">
                  <c:v>44378</c:v>
                </c:pt>
                <c:pt idx="142">
                  <c:v>44379</c:v>
                </c:pt>
                <c:pt idx="143">
                  <c:v>44380</c:v>
                </c:pt>
                <c:pt idx="144">
                  <c:v>44381</c:v>
                </c:pt>
                <c:pt idx="145">
                  <c:v>44382</c:v>
                </c:pt>
                <c:pt idx="146">
                  <c:v>44383</c:v>
                </c:pt>
                <c:pt idx="147">
                  <c:v>44384</c:v>
                </c:pt>
                <c:pt idx="148">
                  <c:v>44385</c:v>
                </c:pt>
                <c:pt idx="149">
                  <c:v>44386</c:v>
                </c:pt>
                <c:pt idx="150">
                  <c:v>44387</c:v>
                </c:pt>
                <c:pt idx="151">
                  <c:v>44388</c:v>
                </c:pt>
                <c:pt idx="152">
                  <c:v>44389</c:v>
                </c:pt>
                <c:pt idx="153">
                  <c:v>44390</c:v>
                </c:pt>
                <c:pt idx="154">
                  <c:v>44391</c:v>
                </c:pt>
                <c:pt idx="155">
                  <c:v>44392</c:v>
                </c:pt>
                <c:pt idx="156">
                  <c:v>44393</c:v>
                </c:pt>
                <c:pt idx="157">
                  <c:v>44394</c:v>
                </c:pt>
                <c:pt idx="158">
                  <c:v>44395</c:v>
                </c:pt>
                <c:pt idx="159">
                  <c:v>44396</c:v>
                </c:pt>
                <c:pt idx="160">
                  <c:v>44397</c:v>
                </c:pt>
                <c:pt idx="161">
                  <c:v>44398</c:v>
                </c:pt>
                <c:pt idx="162">
                  <c:v>44399</c:v>
                </c:pt>
                <c:pt idx="163">
                  <c:v>44400</c:v>
                </c:pt>
                <c:pt idx="164">
                  <c:v>44401</c:v>
                </c:pt>
                <c:pt idx="165">
                  <c:v>44402</c:v>
                </c:pt>
                <c:pt idx="166">
                  <c:v>44403</c:v>
                </c:pt>
                <c:pt idx="167">
                  <c:v>44404</c:v>
                </c:pt>
                <c:pt idx="168">
                  <c:v>44405</c:v>
                </c:pt>
                <c:pt idx="169">
                  <c:v>44406</c:v>
                </c:pt>
                <c:pt idx="170">
                  <c:v>44407</c:v>
                </c:pt>
                <c:pt idx="171">
                  <c:v>44408</c:v>
                </c:pt>
                <c:pt idx="172">
                  <c:v>44409</c:v>
                </c:pt>
                <c:pt idx="173">
                  <c:v>44410</c:v>
                </c:pt>
                <c:pt idx="174">
                  <c:v>44411</c:v>
                </c:pt>
                <c:pt idx="175">
                  <c:v>44412</c:v>
                </c:pt>
                <c:pt idx="176">
                  <c:v>44413</c:v>
                </c:pt>
                <c:pt idx="177">
                  <c:v>44414</c:v>
                </c:pt>
                <c:pt idx="178">
                  <c:v>44415</c:v>
                </c:pt>
                <c:pt idx="179">
                  <c:v>44416</c:v>
                </c:pt>
                <c:pt idx="180">
                  <c:v>44417</c:v>
                </c:pt>
                <c:pt idx="181">
                  <c:v>44418</c:v>
                </c:pt>
                <c:pt idx="182">
                  <c:v>44419</c:v>
                </c:pt>
                <c:pt idx="183">
                  <c:v>44420</c:v>
                </c:pt>
                <c:pt idx="184">
                  <c:v>44421</c:v>
                </c:pt>
                <c:pt idx="185">
                  <c:v>44422</c:v>
                </c:pt>
                <c:pt idx="186">
                  <c:v>44423</c:v>
                </c:pt>
                <c:pt idx="187">
                  <c:v>44424</c:v>
                </c:pt>
                <c:pt idx="188">
                  <c:v>44425</c:v>
                </c:pt>
                <c:pt idx="189">
                  <c:v>44426</c:v>
                </c:pt>
                <c:pt idx="190">
                  <c:v>44427</c:v>
                </c:pt>
                <c:pt idx="191">
                  <c:v>44428</c:v>
                </c:pt>
                <c:pt idx="192">
                  <c:v>44429</c:v>
                </c:pt>
                <c:pt idx="193">
                  <c:v>44430</c:v>
                </c:pt>
                <c:pt idx="194">
                  <c:v>44431</c:v>
                </c:pt>
                <c:pt idx="195">
                  <c:v>44432</c:v>
                </c:pt>
                <c:pt idx="196">
                  <c:v>44433</c:v>
                </c:pt>
                <c:pt idx="197">
                  <c:v>44434</c:v>
                </c:pt>
                <c:pt idx="198">
                  <c:v>44435</c:v>
                </c:pt>
                <c:pt idx="199">
                  <c:v>44436</c:v>
                </c:pt>
                <c:pt idx="200">
                  <c:v>44437</c:v>
                </c:pt>
                <c:pt idx="201">
                  <c:v>44438</c:v>
                </c:pt>
                <c:pt idx="202">
                  <c:v>44439</c:v>
                </c:pt>
                <c:pt idx="203">
                  <c:v>44440</c:v>
                </c:pt>
                <c:pt idx="204">
                  <c:v>44441</c:v>
                </c:pt>
                <c:pt idx="205">
                  <c:v>44442</c:v>
                </c:pt>
                <c:pt idx="206">
                  <c:v>44443</c:v>
                </c:pt>
                <c:pt idx="207">
                  <c:v>44444</c:v>
                </c:pt>
                <c:pt idx="208">
                  <c:v>44445</c:v>
                </c:pt>
                <c:pt idx="209">
                  <c:v>44446</c:v>
                </c:pt>
                <c:pt idx="210">
                  <c:v>44447</c:v>
                </c:pt>
                <c:pt idx="211">
                  <c:v>44448</c:v>
                </c:pt>
                <c:pt idx="212">
                  <c:v>44449</c:v>
                </c:pt>
                <c:pt idx="213">
                  <c:v>44450</c:v>
                </c:pt>
                <c:pt idx="214">
                  <c:v>44451</c:v>
                </c:pt>
                <c:pt idx="215">
                  <c:v>44452</c:v>
                </c:pt>
                <c:pt idx="216">
                  <c:v>44453</c:v>
                </c:pt>
                <c:pt idx="217">
                  <c:v>44454</c:v>
                </c:pt>
                <c:pt idx="218">
                  <c:v>44455</c:v>
                </c:pt>
                <c:pt idx="219">
                  <c:v>44456</c:v>
                </c:pt>
                <c:pt idx="220">
                  <c:v>44457</c:v>
                </c:pt>
                <c:pt idx="221">
                  <c:v>44458</c:v>
                </c:pt>
                <c:pt idx="222">
                  <c:v>44459</c:v>
                </c:pt>
                <c:pt idx="223">
                  <c:v>44460</c:v>
                </c:pt>
                <c:pt idx="224">
                  <c:v>44461</c:v>
                </c:pt>
                <c:pt idx="225">
                  <c:v>44462</c:v>
                </c:pt>
                <c:pt idx="226">
                  <c:v>44463</c:v>
                </c:pt>
                <c:pt idx="227">
                  <c:v>44464</c:v>
                </c:pt>
                <c:pt idx="228">
                  <c:v>44465</c:v>
                </c:pt>
                <c:pt idx="229">
                  <c:v>44466</c:v>
                </c:pt>
                <c:pt idx="230">
                  <c:v>44467</c:v>
                </c:pt>
                <c:pt idx="231">
                  <c:v>44468</c:v>
                </c:pt>
                <c:pt idx="232">
                  <c:v>44469</c:v>
                </c:pt>
                <c:pt idx="233">
                  <c:v>44470</c:v>
                </c:pt>
                <c:pt idx="234">
                  <c:v>44471</c:v>
                </c:pt>
                <c:pt idx="235">
                  <c:v>44472</c:v>
                </c:pt>
                <c:pt idx="236">
                  <c:v>44473</c:v>
                </c:pt>
                <c:pt idx="237">
                  <c:v>44474</c:v>
                </c:pt>
                <c:pt idx="238">
                  <c:v>44475</c:v>
                </c:pt>
                <c:pt idx="239">
                  <c:v>44476</c:v>
                </c:pt>
                <c:pt idx="240">
                  <c:v>44477</c:v>
                </c:pt>
                <c:pt idx="241">
                  <c:v>44478</c:v>
                </c:pt>
                <c:pt idx="242">
                  <c:v>44479</c:v>
                </c:pt>
                <c:pt idx="243">
                  <c:v>44480</c:v>
                </c:pt>
                <c:pt idx="244">
                  <c:v>44481</c:v>
                </c:pt>
                <c:pt idx="245">
                  <c:v>44482</c:v>
                </c:pt>
                <c:pt idx="246">
                  <c:v>44483</c:v>
                </c:pt>
                <c:pt idx="247">
                  <c:v>44484</c:v>
                </c:pt>
                <c:pt idx="248">
                  <c:v>44485</c:v>
                </c:pt>
                <c:pt idx="249">
                  <c:v>44486</c:v>
                </c:pt>
                <c:pt idx="250">
                  <c:v>44487</c:v>
                </c:pt>
                <c:pt idx="251">
                  <c:v>44488</c:v>
                </c:pt>
                <c:pt idx="252">
                  <c:v>44489</c:v>
                </c:pt>
                <c:pt idx="253">
                  <c:v>44490</c:v>
                </c:pt>
                <c:pt idx="254">
                  <c:v>44491</c:v>
                </c:pt>
                <c:pt idx="255">
                  <c:v>44492</c:v>
                </c:pt>
                <c:pt idx="256">
                  <c:v>44493</c:v>
                </c:pt>
                <c:pt idx="257">
                  <c:v>44494</c:v>
                </c:pt>
                <c:pt idx="258">
                  <c:v>44495</c:v>
                </c:pt>
                <c:pt idx="259">
                  <c:v>44496</c:v>
                </c:pt>
                <c:pt idx="260">
                  <c:v>44497</c:v>
                </c:pt>
                <c:pt idx="261">
                  <c:v>44498</c:v>
                </c:pt>
                <c:pt idx="262">
                  <c:v>44499</c:v>
                </c:pt>
                <c:pt idx="263">
                  <c:v>44500</c:v>
                </c:pt>
                <c:pt idx="264">
                  <c:v>44501</c:v>
                </c:pt>
                <c:pt idx="265">
                  <c:v>44502</c:v>
                </c:pt>
                <c:pt idx="266">
                  <c:v>44503</c:v>
                </c:pt>
                <c:pt idx="267">
                  <c:v>44504</c:v>
                </c:pt>
                <c:pt idx="268">
                  <c:v>44505</c:v>
                </c:pt>
                <c:pt idx="269">
                  <c:v>44506</c:v>
                </c:pt>
                <c:pt idx="270">
                  <c:v>44507</c:v>
                </c:pt>
                <c:pt idx="271">
                  <c:v>44508</c:v>
                </c:pt>
                <c:pt idx="272">
                  <c:v>44509</c:v>
                </c:pt>
                <c:pt idx="273">
                  <c:v>44510</c:v>
                </c:pt>
                <c:pt idx="274">
                  <c:v>44511</c:v>
                </c:pt>
                <c:pt idx="275">
                  <c:v>44512</c:v>
                </c:pt>
                <c:pt idx="276">
                  <c:v>44513</c:v>
                </c:pt>
                <c:pt idx="277">
                  <c:v>44514</c:v>
                </c:pt>
                <c:pt idx="278">
                  <c:v>44515</c:v>
                </c:pt>
                <c:pt idx="279">
                  <c:v>44516</c:v>
                </c:pt>
                <c:pt idx="280">
                  <c:v>44517</c:v>
                </c:pt>
                <c:pt idx="281">
                  <c:v>44518</c:v>
                </c:pt>
                <c:pt idx="282">
                  <c:v>44519</c:v>
                </c:pt>
                <c:pt idx="283">
                  <c:v>44520</c:v>
                </c:pt>
                <c:pt idx="284">
                  <c:v>44521</c:v>
                </c:pt>
                <c:pt idx="285">
                  <c:v>44522</c:v>
                </c:pt>
                <c:pt idx="286">
                  <c:v>44523</c:v>
                </c:pt>
                <c:pt idx="287">
                  <c:v>44524</c:v>
                </c:pt>
                <c:pt idx="288">
                  <c:v>44525</c:v>
                </c:pt>
                <c:pt idx="289">
                  <c:v>44526</c:v>
                </c:pt>
                <c:pt idx="290">
                  <c:v>44527</c:v>
                </c:pt>
                <c:pt idx="291">
                  <c:v>44528</c:v>
                </c:pt>
                <c:pt idx="292">
                  <c:v>44529</c:v>
                </c:pt>
                <c:pt idx="293">
                  <c:v>44530</c:v>
                </c:pt>
                <c:pt idx="294">
                  <c:v>44531</c:v>
                </c:pt>
                <c:pt idx="295">
                  <c:v>44532</c:v>
                </c:pt>
                <c:pt idx="296">
                  <c:v>44533</c:v>
                </c:pt>
                <c:pt idx="297">
                  <c:v>44534</c:v>
                </c:pt>
                <c:pt idx="298">
                  <c:v>44535</c:v>
                </c:pt>
                <c:pt idx="299">
                  <c:v>44536</c:v>
                </c:pt>
                <c:pt idx="300">
                  <c:v>44537</c:v>
                </c:pt>
                <c:pt idx="301">
                  <c:v>44538</c:v>
                </c:pt>
                <c:pt idx="302">
                  <c:v>44539</c:v>
                </c:pt>
                <c:pt idx="303">
                  <c:v>44540</c:v>
                </c:pt>
                <c:pt idx="304">
                  <c:v>44541</c:v>
                </c:pt>
                <c:pt idx="305">
                  <c:v>44542</c:v>
                </c:pt>
                <c:pt idx="306">
                  <c:v>44543</c:v>
                </c:pt>
                <c:pt idx="307">
                  <c:v>44544</c:v>
                </c:pt>
                <c:pt idx="308">
                  <c:v>44545</c:v>
                </c:pt>
                <c:pt idx="309">
                  <c:v>44546</c:v>
                </c:pt>
                <c:pt idx="310">
                  <c:v>44547</c:v>
                </c:pt>
                <c:pt idx="311">
                  <c:v>44548</c:v>
                </c:pt>
                <c:pt idx="312">
                  <c:v>44549</c:v>
                </c:pt>
                <c:pt idx="313">
                  <c:v>44550</c:v>
                </c:pt>
                <c:pt idx="314">
                  <c:v>44551</c:v>
                </c:pt>
                <c:pt idx="315">
                  <c:v>44552</c:v>
                </c:pt>
                <c:pt idx="316">
                  <c:v>44553</c:v>
                </c:pt>
                <c:pt idx="317">
                  <c:v>44554</c:v>
                </c:pt>
                <c:pt idx="318">
                  <c:v>44555</c:v>
                </c:pt>
                <c:pt idx="319">
                  <c:v>44556</c:v>
                </c:pt>
                <c:pt idx="320">
                  <c:v>44557</c:v>
                </c:pt>
                <c:pt idx="321">
                  <c:v>44558</c:v>
                </c:pt>
                <c:pt idx="322">
                  <c:v>44559</c:v>
                </c:pt>
                <c:pt idx="323">
                  <c:v>44560</c:v>
                </c:pt>
                <c:pt idx="324">
                  <c:v>44561</c:v>
                </c:pt>
                <c:pt idx="325">
                  <c:v>44562</c:v>
                </c:pt>
                <c:pt idx="326">
                  <c:v>44563</c:v>
                </c:pt>
                <c:pt idx="327">
                  <c:v>44564</c:v>
                </c:pt>
                <c:pt idx="328">
                  <c:v>44565</c:v>
                </c:pt>
                <c:pt idx="329">
                  <c:v>44566</c:v>
                </c:pt>
                <c:pt idx="330">
                  <c:v>44567</c:v>
                </c:pt>
                <c:pt idx="331">
                  <c:v>44568</c:v>
                </c:pt>
                <c:pt idx="332">
                  <c:v>44569</c:v>
                </c:pt>
                <c:pt idx="333">
                  <c:v>44570</c:v>
                </c:pt>
                <c:pt idx="334">
                  <c:v>44571</c:v>
                </c:pt>
                <c:pt idx="335">
                  <c:v>44572</c:v>
                </c:pt>
                <c:pt idx="336">
                  <c:v>44573</c:v>
                </c:pt>
                <c:pt idx="337">
                  <c:v>44574</c:v>
                </c:pt>
                <c:pt idx="338">
                  <c:v>44575</c:v>
                </c:pt>
                <c:pt idx="339">
                  <c:v>44576</c:v>
                </c:pt>
                <c:pt idx="340">
                  <c:v>44577</c:v>
                </c:pt>
                <c:pt idx="341">
                  <c:v>44578</c:v>
                </c:pt>
                <c:pt idx="342">
                  <c:v>44579</c:v>
                </c:pt>
                <c:pt idx="343">
                  <c:v>44580</c:v>
                </c:pt>
                <c:pt idx="344">
                  <c:v>44581</c:v>
                </c:pt>
                <c:pt idx="345">
                  <c:v>44582</c:v>
                </c:pt>
                <c:pt idx="346">
                  <c:v>44583</c:v>
                </c:pt>
                <c:pt idx="347">
                  <c:v>44584</c:v>
                </c:pt>
                <c:pt idx="348">
                  <c:v>44585</c:v>
                </c:pt>
                <c:pt idx="349">
                  <c:v>44586</c:v>
                </c:pt>
                <c:pt idx="350">
                  <c:v>44587</c:v>
                </c:pt>
                <c:pt idx="351">
                  <c:v>44588</c:v>
                </c:pt>
                <c:pt idx="352">
                  <c:v>44589</c:v>
                </c:pt>
                <c:pt idx="353">
                  <c:v>44590</c:v>
                </c:pt>
                <c:pt idx="354">
                  <c:v>44591</c:v>
                </c:pt>
                <c:pt idx="355">
                  <c:v>44592</c:v>
                </c:pt>
                <c:pt idx="356">
                  <c:v>44593</c:v>
                </c:pt>
                <c:pt idx="357">
                  <c:v>44594</c:v>
                </c:pt>
                <c:pt idx="358">
                  <c:v>44595</c:v>
                </c:pt>
                <c:pt idx="359">
                  <c:v>44596</c:v>
                </c:pt>
                <c:pt idx="360">
                  <c:v>44597</c:v>
                </c:pt>
                <c:pt idx="361">
                  <c:v>44598</c:v>
                </c:pt>
                <c:pt idx="362">
                  <c:v>44599</c:v>
                </c:pt>
                <c:pt idx="363">
                  <c:v>44600</c:v>
                </c:pt>
                <c:pt idx="364">
                  <c:v>44601</c:v>
                </c:pt>
                <c:pt idx="365">
                  <c:v>44602</c:v>
                </c:pt>
                <c:pt idx="366">
                  <c:v>44603</c:v>
                </c:pt>
                <c:pt idx="367">
                  <c:v>44604</c:v>
                </c:pt>
                <c:pt idx="368">
                  <c:v>44605</c:v>
                </c:pt>
                <c:pt idx="369">
                  <c:v>44606</c:v>
                </c:pt>
                <c:pt idx="370">
                  <c:v>44607</c:v>
                </c:pt>
                <c:pt idx="371">
                  <c:v>44608</c:v>
                </c:pt>
                <c:pt idx="372">
                  <c:v>44609</c:v>
                </c:pt>
                <c:pt idx="373">
                  <c:v>44610</c:v>
                </c:pt>
                <c:pt idx="374">
                  <c:v>44611</c:v>
                </c:pt>
                <c:pt idx="375">
                  <c:v>44612</c:v>
                </c:pt>
                <c:pt idx="376">
                  <c:v>44613</c:v>
                </c:pt>
                <c:pt idx="377">
                  <c:v>44614</c:v>
                </c:pt>
                <c:pt idx="378">
                  <c:v>44615</c:v>
                </c:pt>
                <c:pt idx="379">
                  <c:v>44616</c:v>
                </c:pt>
                <c:pt idx="380">
                  <c:v>44617</c:v>
                </c:pt>
                <c:pt idx="381">
                  <c:v>44618</c:v>
                </c:pt>
                <c:pt idx="382">
                  <c:v>44619</c:v>
                </c:pt>
                <c:pt idx="383">
                  <c:v>44620</c:v>
                </c:pt>
                <c:pt idx="384">
                  <c:v>44621</c:v>
                </c:pt>
                <c:pt idx="385">
                  <c:v>44622</c:v>
                </c:pt>
                <c:pt idx="386">
                  <c:v>44623</c:v>
                </c:pt>
                <c:pt idx="387">
                  <c:v>44624</c:v>
                </c:pt>
                <c:pt idx="388">
                  <c:v>44625</c:v>
                </c:pt>
                <c:pt idx="389">
                  <c:v>44626</c:v>
                </c:pt>
                <c:pt idx="390">
                  <c:v>44627</c:v>
                </c:pt>
                <c:pt idx="391">
                  <c:v>44628</c:v>
                </c:pt>
                <c:pt idx="392">
                  <c:v>44629</c:v>
                </c:pt>
                <c:pt idx="393">
                  <c:v>44630</c:v>
                </c:pt>
                <c:pt idx="394">
                  <c:v>44631</c:v>
                </c:pt>
              </c:numCache>
            </c:numRef>
          </c:cat>
          <c:val>
            <c:numRef>
              <c:f>Feuil2!$B$2:$B$396</c:f>
              <c:numCache>
                <c:formatCode>General</c:formatCode>
                <c:ptCount val="395"/>
                <c:pt idx="0">
                  <c:v>10</c:v>
                </c:pt>
                <c:pt idx="1">
                  <c:v>10</c:v>
                </c:pt>
                <c:pt idx="2">
                  <c:v>10</c:v>
                </c:pt>
                <c:pt idx="3">
                  <c:v>10</c:v>
                </c:pt>
                <c:pt idx="4">
                  <c:v>10</c:v>
                </c:pt>
                <c:pt idx="5">
                  <c:v>10</c:v>
                </c:pt>
                <c:pt idx="6">
                  <c:v>10</c:v>
                </c:pt>
                <c:pt idx="7">
                  <c:v>10</c:v>
                </c:pt>
                <c:pt idx="8">
                  <c:v>10</c:v>
                </c:pt>
                <c:pt idx="9">
                  <c:v>10</c:v>
                </c:pt>
                <c:pt idx="10">
                  <c:v>10</c:v>
                </c:pt>
                <c:pt idx="11">
                  <c:v>10</c:v>
                </c:pt>
                <c:pt idx="12">
                  <c:v>10</c:v>
                </c:pt>
                <c:pt idx="13">
                  <c:v>10</c:v>
                </c:pt>
                <c:pt idx="14">
                  <c:v>10</c:v>
                </c:pt>
                <c:pt idx="15">
                  <c:v>10</c:v>
                </c:pt>
                <c:pt idx="16">
                  <c:v>10</c:v>
                </c:pt>
                <c:pt idx="17">
                  <c:v>10</c:v>
                </c:pt>
                <c:pt idx="18">
                  <c:v>10</c:v>
                </c:pt>
                <c:pt idx="19">
                  <c:v>10</c:v>
                </c:pt>
                <c:pt idx="20">
                  <c:v>10</c:v>
                </c:pt>
                <c:pt idx="21">
                  <c:v>10</c:v>
                </c:pt>
                <c:pt idx="22">
                  <c:v>10</c:v>
                </c:pt>
                <c:pt idx="23">
                  <c:v>10</c:v>
                </c:pt>
                <c:pt idx="24">
                  <c:v>10</c:v>
                </c:pt>
                <c:pt idx="25">
                  <c:v>10</c:v>
                </c:pt>
                <c:pt idx="26">
                  <c:v>10</c:v>
                </c:pt>
                <c:pt idx="27">
                  <c:v>10</c:v>
                </c:pt>
                <c:pt idx="28">
                  <c:v>10</c:v>
                </c:pt>
                <c:pt idx="29">
                  <c:v>10</c:v>
                </c:pt>
                <c:pt idx="30">
                  <c:v>10</c:v>
                </c:pt>
                <c:pt idx="31">
                  <c:v>10</c:v>
                </c:pt>
                <c:pt idx="32">
                  <c:v>10</c:v>
                </c:pt>
                <c:pt idx="33">
                  <c:v>10</c:v>
                </c:pt>
                <c:pt idx="34">
                  <c:v>10</c:v>
                </c:pt>
                <c:pt idx="35">
                  <c:v>10</c:v>
                </c:pt>
                <c:pt idx="36">
                  <c:v>10</c:v>
                </c:pt>
                <c:pt idx="37">
                  <c:v>10</c:v>
                </c:pt>
                <c:pt idx="38">
                  <c:v>10</c:v>
                </c:pt>
                <c:pt idx="39">
                  <c:v>10</c:v>
                </c:pt>
                <c:pt idx="40">
                  <c:v>10</c:v>
                </c:pt>
                <c:pt idx="41">
                  <c:v>10</c:v>
                </c:pt>
                <c:pt idx="42">
                  <c:v>10</c:v>
                </c:pt>
                <c:pt idx="43">
                  <c:v>10</c:v>
                </c:pt>
                <c:pt idx="44">
                  <c:v>10</c:v>
                </c:pt>
                <c:pt idx="45">
                  <c:v>10</c:v>
                </c:pt>
                <c:pt idx="46">
                  <c:v>10</c:v>
                </c:pt>
                <c:pt idx="47">
                  <c:v>10</c:v>
                </c:pt>
                <c:pt idx="48">
                  <c:v>10</c:v>
                </c:pt>
                <c:pt idx="49">
                  <c:v>10</c:v>
                </c:pt>
                <c:pt idx="50">
                  <c:v>10</c:v>
                </c:pt>
                <c:pt idx="51">
                  <c:v>10</c:v>
                </c:pt>
                <c:pt idx="52">
                  <c:v>10</c:v>
                </c:pt>
                <c:pt idx="53">
                  <c:v>10</c:v>
                </c:pt>
                <c:pt idx="54">
                  <c:v>10</c:v>
                </c:pt>
                <c:pt idx="55">
                  <c:v>10</c:v>
                </c:pt>
                <c:pt idx="56">
                  <c:v>10</c:v>
                </c:pt>
                <c:pt idx="57">
                  <c:v>10</c:v>
                </c:pt>
                <c:pt idx="58">
                  <c:v>10</c:v>
                </c:pt>
                <c:pt idx="59">
                  <c:v>10</c:v>
                </c:pt>
                <c:pt idx="60">
                  <c:v>10</c:v>
                </c:pt>
                <c:pt idx="61">
                  <c:v>10</c:v>
                </c:pt>
                <c:pt idx="62">
                  <c:v>10</c:v>
                </c:pt>
                <c:pt idx="63">
                  <c:v>10</c:v>
                </c:pt>
                <c:pt idx="64">
                  <c:v>10</c:v>
                </c:pt>
                <c:pt idx="65">
                  <c:v>10</c:v>
                </c:pt>
                <c:pt idx="66">
                  <c:v>10</c:v>
                </c:pt>
                <c:pt idx="67">
                  <c:v>10</c:v>
                </c:pt>
                <c:pt idx="68">
                  <c:v>10</c:v>
                </c:pt>
                <c:pt idx="69">
                  <c:v>10</c:v>
                </c:pt>
                <c:pt idx="70">
                  <c:v>10</c:v>
                </c:pt>
                <c:pt idx="71">
                  <c:v>10</c:v>
                </c:pt>
                <c:pt idx="72">
                  <c:v>10</c:v>
                </c:pt>
                <c:pt idx="73">
                  <c:v>10</c:v>
                </c:pt>
                <c:pt idx="74">
                  <c:v>10</c:v>
                </c:pt>
                <c:pt idx="75">
                  <c:v>10</c:v>
                </c:pt>
                <c:pt idx="76">
                  <c:v>10</c:v>
                </c:pt>
                <c:pt idx="77">
                  <c:v>1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499A-4A7A-B35E-4F30E24210A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591764800"/>
        <c:axId val="591768080"/>
      </c:lineChart>
      <c:dateAx>
        <c:axId val="591764800"/>
        <c:scaling>
          <c:orientation val="minMax"/>
        </c:scaling>
        <c:delete val="0"/>
        <c:axPos val="b"/>
        <c:numFmt formatCode="m/d/yyyy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lt1">
                <a:lumMod val="95000"/>
                <a:alpha val="10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lt1">
                    <a:lumMod val="8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fr-FR"/>
          </a:p>
        </c:txPr>
        <c:crossAx val="591768080"/>
        <c:crosses val="autoZero"/>
        <c:auto val="1"/>
        <c:lblOffset val="100"/>
        <c:baseTimeUnit val="days"/>
      </c:dateAx>
      <c:valAx>
        <c:axId val="59176808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lt1">
                  <a:lumMod val="95000"/>
                  <a:alpha val="10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lt1">
                    <a:lumMod val="8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fr-FR"/>
          </a:p>
        </c:txPr>
        <c:crossAx val="591764800"/>
        <c:crossesAt val="44237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gradFill flip="none" rotWithShape="1">
      <a:gsLst>
        <a:gs pos="0">
          <a:schemeClr val="dk1">
            <a:lumMod val="65000"/>
            <a:lumOff val="35000"/>
          </a:schemeClr>
        </a:gs>
        <a:gs pos="100000">
          <a:schemeClr val="dk1">
            <a:lumMod val="85000"/>
            <a:lumOff val="15000"/>
          </a:schemeClr>
        </a:gs>
      </a:gsLst>
      <a:path path="circle">
        <a:fillToRect l="50000" t="50000" r="50000" b="50000"/>
      </a:path>
      <a:tileRect/>
    </a:gradFill>
    <a:ln>
      <a:noFill/>
    </a:ln>
    <a:effectLst/>
  </c:spPr>
  <c:txPr>
    <a:bodyPr/>
    <a:lstStyle/>
    <a:p>
      <a:pPr>
        <a:defRPr/>
      </a:pPr>
      <a:endParaRPr lang="fr-FR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33">
  <cs:axisTitle>
    <cs:lnRef idx="0"/>
    <cs:fillRef idx="0"/>
    <cs:effectRef idx="0"/>
    <cs:fontRef idx="minor">
      <a:schemeClr val="lt1">
        <a:lumMod val="85000"/>
      </a:schemeClr>
    </cs:fontRef>
    <cs:defRPr sz="900" b="1" kern="1200" cap="all"/>
  </cs:axisTitle>
  <cs:categoryAxis>
    <cs:lnRef idx="0"/>
    <cs:fillRef idx="0"/>
    <cs:effectRef idx="0"/>
    <cs:fontRef idx="minor">
      <a:schemeClr val="lt1">
        <a:lumMod val="85000"/>
      </a:schemeClr>
    </cs:fontRef>
    <cs:spPr>
      <a:ln w="9525" cap="flat" cmpd="sng" algn="ctr">
        <a:solidFill>
          <a:schemeClr val="lt1">
            <a:lumMod val="95000"/>
            <a:alpha val="10000"/>
          </a:schemeClr>
        </a:solidFill>
        <a:round/>
      </a:ln>
    </cs:spPr>
    <cs:defRPr sz="900" kern="1200"/>
  </cs:categoryAxis>
  <cs:chartArea>
    <cs:lnRef idx="0"/>
    <cs:fillRef idx="0"/>
    <cs:effectRef idx="0"/>
    <cs:fontRef idx="minor">
      <a:schemeClr val="dk1"/>
    </cs:fontRef>
    <cs:spPr>
      <a:gradFill flip="none" rotWithShape="1">
        <a:gsLst>
          <a:gs pos="0">
            <a:schemeClr val="dk1">
              <a:lumMod val="65000"/>
              <a:lumOff val="35000"/>
            </a:schemeClr>
          </a:gs>
          <a:gs pos="100000">
            <a:schemeClr val="dk1">
              <a:lumMod val="85000"/>
              <a:lumOff val="15000"/>
            </a:schemeClr>
          </a:gs>
        </a:gsLst>
        <a:path path="circle">
          <a:fillToRect l="50000" t="50000" r="50000" b="50000"/>
        </a:path>
        <a:tileRect/>
      </a:gradFill>
    </cs:spPr>
    <cs:defRPr sz="1000" kern="1200"/>
  </cs:chartArea>
  <cs:dataLabel>
    <cs:lnRef idx="0"/>
    <cs:fillRef idx="0"/>
    <cs:effectRef idx="0"/>
    <cs:fontRef idx="minor">
      <a:schemeClr val="lt1">
        <a:lumMod val="8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3">
      <cs:styleClr val="auto"/>
    </cs:fillRef>
    <cs:effectRef idx="3"/>
    <cs:fontRef idx="minor">
      <a:schemeClr val="tx1"/>
    </cs:fontRef>
  </cs:dataPoint>
  <cs:dataPoint3D>
    <cs:lnRef idx="0"/>
    <cs:fillRef idx="3">
      <cs:styleClr val="auto"/>
    </cs:fillRef>
    <cs:effectRef idx="3"/>
    <cs:fontRef idx="minor">
      <a:schemeClr val="tx1"/>
    </cs:fontRef>
  </cs:dataPoint3D>
  <cs:dataPointLine>
    <cs:lnRef idx="0">
      <cs:styleClr val="auto"/>
    </cs:lnRef>
    <cs:fillRef idx="3"/>
    <cs:effectRef idx="3"/>
    <cs:fontRef idx="minor">
      <a:schemeClr val="tx1"/>
    </cs:fontRef>
    <cs:spPr>
      <a:ln w="3492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3">
      <cs:styleClr val="auto"/>
    </cs:fillRef>
    <cs:effectRef idx="3"/>
    <cs:fontRef idx="minor">
      <a:schemeClr val="tx1"/>
    </cs:fontRef>
    <cs:spPr>
      <a:ln w="9525">
        <a:solidFill>
          <a:schemeClr val="phClr"/>
        </a:solidFill>
        <a:round/>
      </a:ln>
    </cs:spPr>
  </cs:dataPointMarker>
  <cs:dataPointMarkerLayout symbol="circle" size="6"/>
  <cs:dataPointWireframe>
    <cs:lnRef idx="0">
      <cs:styleClr val="auto"/>
    </cs:lnRef>
    <cs:fillRef idx="3"/>
    <cs:effectRef idx="3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lt1">
        <a:lumMod val="85000"/>
      </a:schemeClr>
    </cs:fontRef>
    <cs:spPr>
      <a:ln w="9525">
        <a:solidFill>
          <a:schemeClr val="lt1">
            <a:lumMod val="95000"/>
            <a:alpha val="54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>
        <a:solidFill>
          <a:schemeClr val="lt1">
            <a:lumMod val="95000"/>
            <a:alpha val="54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>
        <a:solidFill>
          <a:schemeClr val="lt1">
            <a:lumMod val="95000"/>
            <a:alpha val="54000"/>
          </a:schemeClr>
        </a:solidFill>
        <a:prstDash val="dash"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lt1">
            <a:lumMod val="9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lt1">
            <a:lumMod val="95000"/>
            <a:alpha val="10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>
        <a:solidFill>
          <a:schemeClr val="lt1">
            <a:lumMod val="95000"/>
            <a:alpha val="5000"/>
          </a:schemeClr>
        </a:solidFill>
      </a:ln>
    </cs:spPr>
  </cs:gridlineMinor>
  <cs:hiLoLine>
    <cs:lnRef idx="0"/>
    <cs:fillRef idx="0"/>
    <cs:effectRef idx="0"/>
    <cs:fontRef idx="minor">
      <a:schemeClr val="tx1"/>
    </cs:fontRef>
    <cs:spPr>
      <a:ln w="9525">
        <a:solidFill>
          <a:schemeClr val="lt1">
            <a:lumMod val="95000"/>
            <a:alpha val="54000"/>
          </a:schemeClr>
        </a:solidFill>
        <a:prstDash val="dash"/>
      </a:ln>
    </cs:spPr>
  </cs:hiLoLine>
  <cs:leaderLine>
    <cs:lnRef idx="0"/>
    <cs:fillRef idx="0"/>
    <cs:effectRef idx="0"/>
    <cs:fontRef idx="minor">
      <a:schemeClr val="tx1"/>
    </cs:fontRef>
    <cs:spPr>
      <a:ln w="9525">
        <a:solidFill>
          <a:schemeClr val="lt1">
            <a:lumMod val="95000"/>
            <a:alpha val="54000"/>
          </a:schemeClr>
        </a:solidFill>
      </a:ln>
    </cs:spPr>
  </cs:leaderLine>
  <cs:legend>
    <cs:lnRef idx="0"/>
    <cs:fillRef idx="0"/>
    <cs:effectRef idx="0"/>
    <cs:fontRef idx="minor">
      <a:schemeClr val="lt1">
        <a:lumMod val="85000"/>
      </a:schemeClr>
    </cs:fontRef>
    <cs:defRPr sz="900" kern="1200"/>
  </cs:legend>
  <cs:plotArea>
    <cs:lnRef idx="0"/>
    <cs:fillRef idx="0"/>
    <cs:effectRef idx="0"/>
    <cs:fontRef idx="minor">
      <a:schemeClr val="tx1"/>
    </cs:fontRef>
  </cs:plotArea>
  <cs:plotArea3D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lt1">
        <a:lumMod val="85000"/>
      </a:schemeClr>
    </cs:fontRef>
    <cs:spPr>
      <a:ln w="12700" cap="flat" cmpd="sng" algn="ctr">
        <a:solidFill>
          <a:schemeClr val="lt1">
            <a:lumMod val="95000"/>
            <a:alpha val="54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lt1"/>
    </cs:fontRef>
    <cs:spPr>
      <a:ln w="9525" cap="flat" cmpd="sng" algn="ctr">
        <a:solidFill>
          <a:schemeClr val="lt1">
            <a:lumMod val="95000"/>
            <a:alpha val="54000"/>
          </a:schemeClr>
        </a:solidFill>
        <a:round/>
      </a:ln>
    </cs:spPr>
  </cs:seriesLine>
  <cs:title>
    <cs:lnRef idx="0"/>
    <cs:fillRef idx="0"/>
    <cs:effectRef idx="0"/>
    <cs:fontRef idx="minor">
      <a:schemeClr val="lt1">
        <a:lumMod val="95000"/>
      </a:schemeClr>
    </cs:fontRef>
    <cs:defRPr sz="1600" b="1" kern="1200" spc="100" baseline="0">
      <a:effectLst>
        <a:outerShdw blurRad="50800" dist="38100" dir="5400000" algn="t" rotWithShape="0">
          <a:prstClr val="black">
            <a:alpha val="40000"/>
          </a:prstClr>
        </a:outerShdw>
      </a:effectLst>
    </cs:defRPr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</a:ln>
    </cs:spPr>
  </cs:trendline>
  <cs:trendlineLabel>
    <cs:lnRef idx="0"/>
    <cs:fillRef idx="0"/>
    <cs:effectRef idx="0"/>
    <cs:fontRef idx="minor">
      <a:schemeClr val="lt1">
        <a:lumMod val="8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>
        <a:solidFill>
          <a:schemeClr val="lt1">
            <a:lumMod val="95000"/>
            <a:alpha val="54000"/>
          </a:schemeClr>
        </a:solidFill>
      </a:ln>
    </cs:spPr>
  </cs:upBar>
  <cs:valueAxis>
    <cs:lnRef idx="0"/>
    <cs:fillRef idx="0"/>
    <cs:effectRef idx="0"/>
    <cs:fontRef idx="minor">
      <a:schemeClr val="lt1">
        <a:lumMod val="85000"/>
      </a:schemeClr>
    </cs:fontRef>
    <cs:defRPr sz="900" kern="1200"/>
  </cs:valueAxis>
  <cs:wall>
    <cs:lnRef idx="0"/>
    <cs:fillRef idx="0"/>
    <cs:effectRef idx="0"/>
    <cs:fontRef idx="minor">
      <a:schemeClr val="tx1"/>
    </cs:fontRef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0</xdr:colOff>
      <xdr:row>5</xdr:row>
      <xdr:rowOff>0</xdr:rowOff>
    </xdr:from>
    <xdr:to>
      <xdr:col>15</xdr:col>
      <xdr:colOff>26126</xdr:colOff>
      <xdr:row>36</xdr:row>
      <xdr:rowOff>29393</xdr:rowOff>
    </xdr:to>
    <xdr:graphicFrame macro="">
      <xdr:nvGraphicFramePr>
        <xdr:cNvPr id="2" name="Graphique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391886</xdr:colOff>
          <xdr:row>13</xdr:row>
          <xdr:rowOff>21771</xdr:rowOff>
        </xdr:from>
        <xdr:to>
          <xdr:col>20</xdr:col>
          <xdr:colOff>130628</xdr:colOff>
          <xdr:row>14</xdr:row>
          <xdr:rowOff>314597</xdr:rowOff>
        </xdr:to>
        <xdr:sp macro="" textlink="">
          <xdr:nvSpPr>
            <xdr:cNvPr id="1025" name="TextBox1" hidden="1">
              <a:extLst>
                <a:ext uri="{63B3BB69-23CF-44E3-9099-C40C66FF867C}">
                  <a14:compatExt spid="_x0000_s102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1240B29-F687-4F45-9708-019B960494DF}">
                <a14:hiddenLine w="9525">
                  <a:noFill/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421277</xdr:colOff>
          <xdr:row>16</xdr:row>
          <xdr:rowOff>164375</xdr:rowOff>
        </xdr:from>
        <xdr:to>
          <xdr:col>20</xdr:col>
          <xdr:colOff>162197</xdr:colOff>
          <xdr:row>19</xdr:row>
          <xdr:rowOff>88174</xdr:rowOff>
        </xdr:to>
        <xdr:sp macro="" textlink="">
          <xdr:nvSpPr>
            <xdr:cNvPr id="1026" name="TextBox2" hidden="1">
              <a:extLst>
                <a:ext uri="{63B3BB69-23CF-44E3-9099-C40C66FF867C}">
                  <a14:compatExt spid="_x0000_s102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1240B29-F687-4F45-9708-019B960494DF}">
                <a14:hiddenLine w="9525">
                  <a:noFill/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twoCellAnchor>
    <xdr:from>
      <xdr:col>15</xdr:col>
      <xdr:colOff>359228</xdr:colOff>
      <xdr:row>13</xdr:row>
      <xdr:rowOff>0</xdr:rowOff>
    </xdr:from>
    <xdr:to>
      <xdr:col>17</xdr:col>
      <xdr:colOff>228601</xdr:colOff>
      <xdr:row>14</xdr:row>
      <xdr:rowOff>315686</xdr:rowOff>
    </xdr:to>
    <xdr:sp macro="" textlink="">
      <xdr:nvSpPr>
        <xdr:cNvPr id="3" name="ZoneTexte 2"/>
        <xdr:cNvSpPr txBox="1"/>
      </xdr:nvSpPr>
      <xdr:spPr>
        <a:xfrm>
          <a:off x="12279085" y="2405743"/>
          <a:ext cx="1458687" cy="500743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fr-FR" sz="1600"/>
            <a:t>Date de début</a:t>
          </a:r>
        </a:p>
      </xdr:txBody>
    </xdr:sp>
    <xdr:clientData/>
  </xdr:twoCellAnchor>
  <xdr:twoCellAnchor>
    <xdr:from>
      <xdr:col>15</xdr:col>
      <xdr:colOff>370113</xdr:colOff>
      <xdr:row>16</xdr:row>
      <xdr:rowOff>141515</xdr:rowOff>
    </xdr:from>
    <xdr:to>
      <xdr:col>17</xdr:col>
      <xdr:colOff>239486</xdr:colOff>
      <xdr:row>19</xdr:row>
      <xdr:rowOff>87086</xdr:rowOff>
    </xdr:to>
    <xdr:sp macro="" textlink="">
      <xdr:nvSpPr>
        <xdr:cNvPr id="9" name="ZoneTexte 8"/>
        <xdr:cNvSpPr txBox="1"/>
      </xdr:nvSpPr>
      <xdr:spPr>
        <a:xfrm>
          <a:off x="12289970" y="3287486"/>
          <a:ext cx="1458687" cy="500743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lang="fr-FR" sz="1600"/>
            <a:t>Date de fin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607288/Documents/PBL%20Egypte/Strat&#233;gie%201/FLR-Egypte_Macro_Dev6_Commente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cceuil"/>
      <sheetName val="Stock"/>
      <sheetName val="Logistique"/>
      <sheetName val="Synthèse"/>
      <sheetName val="Logs des mouvements"/>
      <sheetName val="Logistique_Produits"/>
      <sheetName val="TODO"/>
      <sheetName val="Impression Expedition Pièces"/>
      <sheetName val="Synthèse Data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>
        <row r="1">
          <cell r="B1" t="str">
            <v>Nombre de moteur dispo</v>
          </cell>
        </row>
        <row r="2">
          <cell r="A2">
            <v>44237</v>
          </cell>
          <cell r="B2">
            <v>45</v>
          </cell>
        </row>
        <row r="3">
          <cell r="A3">
            <v>44238</v>
          </cell>
          <cell r="B3">
            <v>45</v>
          </cell>
        </row>
        <row r="4">
          <cell r="A4">
            <v>44239</v>
          </cell>
          <cell r="B4">
            <v>45</v>
          </cell>
        </row>
        <row r="5">
          <cell r="A5">
            <v>44240</v>
          </cell>
          <cell r="B5">
            <v>45</v>
          </cell>
        </row>
        <row r="6">
          <cell r="A6">
            <v>44241</v>
          </cell>
          <cell r="B6">
            <v>45</v>
          </cell>
        </row>
        <row r="7">
          <cell r="A7">
            <v>44242</v>
          </cell>
          <cell r="B7">
            <v>45</v>
          </cell>
        </row>
        <row r="8">
          <cell r="A8">
            <v>44243</v>
          </cell>
          <cell r="B8">
            <v>45</v>
          </cell>
        </row>
        <row r="9">
          <cell r="A9">
            <v>44244</v>
          </cell>
          <cell r="B9">
            <v>45</v>
          </cell>
        </row>
        <row r="10">
          <cell r="A10">
            <v>44245</v>
          </cell>
          <cell r="B10">
            <v>45</v>
          </cell>
        </row>
        <row r="11">
          <cell r="A11">
            <v>44246</v>
          </cell>
          <cell r="B11">
            <v>45</v>
          </cell>
        </row>
        <row r="12">
          <cell r="A12">
            <v>44247</v>
          </cell>
          <cell r="B12">
            <v>45</v>
          </cell>
        </row>
        <row r="13">
          <cell r="A13">
            <v>44248</v>
          </cell>
          <cell r="B13">
            <v>45</v>
          </cell>
        </row>
        <row r="14">
          <cell r="A14">
            <v>44249</v>
          </cell>
          <cell r="B14">
            <v>45</v>
          </cell>
        </row>
        <row r="15">
          <cell r="A15">
            <v>44250</v>
          </cell>
          <cell r="B15">
            <v>45</v>
          </cell>
        </row>
        <row r="16">
          <cell r="A16">
            <v>44251</v>
          </cell>
          <cell r="B16">
            <v>45</v>
          </cell>
        </row>
        <row r="17">
          <cell r="A17">
            <v>44252</v>
          </cell>
          <cell r="B17">
            <v>45</v>
          </cell>
        </row>
        <row r="18">
          <cell r="A18">
            <v>44253</v>
          </cell>
          <cell r="B18">
            <v>45</v>
          </cell>
        </row>
        <row r="19">
          <cell r="A19">
            <v>44254</v>
          </cell>
          <cell r="B19">
            <v>45</v>
          </cell>
        </row>
        <row r="20">
          <cell r="A20">
            <v>44255</v>
          </cell>
          <cell r="B20">
            <v>45</v>
          </cell>
        </row>
        <row r="21">
          <cell r="A21">
            <v>44256</v>
          </cell>
        </row>
        <row r="22">
          <cell r="A22">
            <v>44257</v>
          </cell>
        </row>
        <row r="23">
          <cell r="A23">
            <v>44258</v>
          </cell>
        </row>
        <row r="24">
          <cell r="A24">
            <v>44259</v>
          </cell>
        </row>
        <row r="25">
          <cell r="A25">
            <v>44260</v>
          </cell>
        </row>
        <row r="26">
          <cell r="A26">
            <v>44261</v>
          </cell>
        </row>
        <row r="27">
          <cell r="A27">
            <v>44262</v>
          </cell>
        </row>
        <row r="28">
          <cell r="A28">
            <v>44263</v>
          </cell>
        </row>
        <row r="29">
          <cell r="A29">
            <v>44264</v>
          </cell>
        </row>
        <row r="30">
          <cell r="A30">
            <v>44265</v>
          </cell>
        </row>
        <row r="31">
          <cell r="A31">
            <v>44266</v>
          </cell>
        </row>
        <row r="32">
          <cell r="A32">
            <v>44267</v>
          </cell>
        </row>
        <row r="33">
          <cell r="A33">
            <v>44268</v>
          </cell>
        </row>
        <row r="34">
          <cell r="A34">
            <v>44269</v>
          </cell>
        </row>
        <row r="35">
          <cell r="A35">
            <v>44270</v>
          </cell>
        </row>
        <row r="36">
          <cell r="A36">
            <v>44271</v>
          </cell>
        </row>
        <row r="37">
          <cell r="A37">
            <v>44272</v>
          </cell>
        </row>
        <row r="38">
          <cell r="A38">
            <v>44273</v>
          </cell>
        </row>
        <row r="39">
          <cell r="A39">
            <v>44274</v>
          </cell>
        </row>
        <row r="40">
          <cell r="A40">
            <v>44275</v>
          </cell>
        </row>
        <row r="41">
          <cell r="A41">
            <v>44276</v>
          </cell>
        </row>
        <row r="42">
          <cell r="A42">
            <v>44277</v>
          </cell>
        </row>
        <row r="43">
          <cell r="A43">
            <v>44278</v>
          </cell>
        </row>
        <row r="44">
          <cell r="A44">
            <v>44279</v>
          </cell>
        </row>
        <row r="45">
          <cell r="A45">
            <v>44280</v>
          </cell>
        </row>
        <row r="46">
          <cell r="A46">
            <v>44281</v>
          </cell>
        </row>
        <row r="47">
          <cell r="A47">
            <v>44282</v>
          </cell>
        </row>
        <row r="48">
          <cell r="A48">
            <v>44283</v>
          </cell>
        </row>
        <row r="49">
          <cell r="A49">
            <v>44284</v>
          </cell>
        </row>
        <row r="50">
          <cell r="A50">
            <v>44285</v>
          </cell>
        </row>
        <row r="51">
          <cell r="A51">
            <v>44286</v>
          </cell>
        </row>
        <row r="52">
          <cell r="A52">
            <v>44287</v>
          </cell>
        </row>
        <row r="53">
          <cell r="A53">
            <v>44288</v>
          </cell>
        </row>
        <row r="54">
          <cell r="A54">
            <v>44289</v>
          </cell>
        </row>
        <row r="55">
          <cell r="A55">
            <v>44290</v>
          </cell>
        </row>
        <row r="56">
          <cell r="A56">
            <v>44291</v>
          </cell>
        </row>
        <row r="57">
          <cell r="A57">
            <v>44292</v>
          </cell>
        </row>
        <row r="58">
          <cell r="A58">
            <v>44293</v>
          </cell>
        </row>
        <row r="59">
          <cell r="A59">
            <v>44294</v>
          </cell>
        </row>
        <row r="60">
          <cell r="A60">
            <v>44295</v>
          </cell>
        </row>
        <row r="61">
          <cell r="A61">
            <v>44296</v>
          </cell>
        </row>
        <row r="62">
          <cell r="A62">
            <v>44297</v>
          </cell>
        </row>
        <row r="63">
          <cell r="A63">
            <v>44298</v>
          </cell>
        </row>
        <row r="64">
          <cell r="A64">
            <v>44299</v>
          </cell>
        </row>
        <row r="65">
          <cell r="A65">
            <v>44300</v>
          </cell>
        </row>
        <row r="66">
          <cell r="A66">
            <v>44301</v>
          </cell>
        </row>
        <row r="67">
          <cell r="A67">
            <v>44302</v>
          </cell>
        </row>
        <row r="68">
          <cell r="A68">
            <v>44303</v>
          </cell>
        </row>
        <row r="69">
          <cell r="A69">
            <v>44304</v>
          </cell>
        </row>
        <row r="70">
          <cell r="A70">
            <v>44305</v>
          </cell>
        </row>
        <row r="71">
          <cell r="A71">
            <v>44306</v>
          </cell>
        </row>
        <row r="72">
          <cell r="A72">
            <v>44307</v>
          </cell>
        </row>
        <row r="73">
          <cell r="A73">
            <v>44308</v>
          </cell>
        </row>
        <row r="74">
          <cell r="A74">
            <v>44309</v>
          </cell>
        </row>
        <row r="75">
          <cell r="A75">
            <v>44310</v>
          </cell>
        </row>
        <row r="76">
          <cell r="A76">
            <v>44311</v>
          </cell>
        </row>
        <row r="77">
          <cell r="A77">
            <v>44312</v>
          </cell>
        </row>
        <row r="78">
          <cell r="A78">
            <v>44313</v>
          </cell>
        </row>
        <row r="79">
          <cell r="A79">
            <v>44314</v>
          </cell>
        </row>
        <row r="80">
          <cell r="A80">
            <v>44315</v>
          </cell>
        </row>
        <row r="81">
          <cell r="A81">
            <v>44316</v>
          </cell>
        </row>
        <row r="82">
          <cell r="A82">
            <v>44317</v>
          </cell>
        </row>
        <row r="83">
          <cell r="A83">
            <v>44318</v>
          </cell>
        </row>
        <row r="84">
          <cell r="A84">
            <v>44319</v>
          </cell>
        </row>
        <row r="85">
          <cell r="A85">
            <v>44320</v>
          </cell>
        </row>
        <row r="86">
          <cell r="A86">
            <v>44321</v>
          </cell>
        </row>
        <row r="87">
          <cell r="A87">
            <v>44322</v>
          </cell>
        </row>
        <row r="88">
          <cell r="A88">
            <v>44323</v>
          </cell>
        </row>
        <row r="89">
          <cell r="A89">
            <v>44324</v>
          </cell>
        </row>
        <row r="90">
          <cell r="A90">
            <v>44325</v>
          </cell>
        </row>
        <row r="91">
          <cell r="A91">
            <v>44326</v>
          </cell>
        </row>
        <row r="92">
          <cell r="A92">
            <v>44327</v>
          </cell>
        </row>
        <row r="93">
          <cell r="A93">
            <v>44328</v>
          </cell>
        </row>
        <row r="94">
          <cell r="A94">
            <v>44329</v>
          </cell>
        </row>
        <row r="95">
          <cell r="A95">
            <v>44330</v>
          </cell>
        </row>
        <row r="96">
          <cell r="A96">
            <v>44331</v>
          </cell>
        </row>
        <row r="97">
          <cell r="A97">
            <v>44332</v>
          </cell>
        </row>
        <row r="98">
          <cell r="A98">
            <v>44333</v>
          </cell>
        </row>
        <row r="99">
          <cell r="A99">
            <v>44334</v>
          </cell>
        </row>
        <row r="100">
          <cell r="A100">
            <v>44335</v>
          </cell>
        </row>
        <row r="101">
          <cell r="A101">
            <v>44336</v>
          </cell>
        </row>
        <row r="102">
          <cell r="A102">
            <v>44337</v>
          </cell>
        </row>
        <row r="103">
          <cell r="A103">
            <v>44338</v>
          </cell>
        </row>
        <row r="104">
          <cell r="A104">
            <v>44339</v>
          </cell>
        </row>
        <row r="105">
          <cell r="A105">
            <v>44340</v>
          </cell>
        </row>
        <row r="106">
          <cell r="A106">
            <v>44341</v>
          </cell>
        </row>
        <row r="107">
          <cell r="A107">
            <v>44342</v>
          </cell>
        </row>
        <row r="108">
          <cell r="A108">
            <v>44343</v>
          </cell>
        </row>
        <row r="109">
          <cell r="A109">
            <v>44344</v>
          </cell>
        </row>
        <row r="110">
          <cell r="A110">
            <v>44345</v>
          </cell>
        </row>
        <row r="111">
          <cell r="A111">
            <v>44346</v>
          </cell>
        </row>
        <row r="112">
          <cell r="A112">
            <v>44347</v>
          </cell>
        </row>
        <row r="113">
          <cell r="A113">
            <v>44348</v>
          </cell>
        </row>
        <row r="114">
          <cell r="A114">
            <v>44349</v>
          </cell>
        </row>
        <row r="115">
          <cell r="A115">
            <v>44350</v>
          </cell>
        </row>
        <row r="116">
          <cell r="A116">
            <v>44351</v>
          </cell>
        </row>
        <row r="117">
          <cell r="A117">
            <v>44352</v>
          </cell>
        </row>
        <row r="118">
          <cell r="A118">
            <v>44353</v>
          </cell>
        </row>
        <row r="119">
          <cell r="A119">
            <v>44354</v>
          </cell>
        </row>
        <row r="120">
          <cell r="A120">
            <v>44355</v>
          </cell>
        </row>
        <row r="121">
          <cell r="A121">
            <v>44356</v>
          </cell>
        </row>
        <row r="122">
          <cell r="A122">
            <v>44357</v>
          </cell>
        </row>
        <row r="123">
          <cell r="A123">
            <v>44358</v>
          </cell>
        </row>
        <row r="124">
          <cell r="A124">
            <v>44359</v>
          </cell>
        </row>
        <row r="125">
          <cell r="A125">
            <v>44360</v>
          </cell>
        </row>
        <row r="126">
          <cell r="A126">
            <v>44361</v>
          </cell>
        </row>
        <row r="127">
          <cell r="A127">
            <v>44362</v>
          </cell>
        </row>
        <row r="128">
          <cell r="A128">
            <v>44363</v>
          </cell>
        </row>
        <row r="129">
          <cell r="A129">
            <v>44364</v>
          </cell>
        </row>
        <row r="130">
          <cell r="A130">
            <v>44365</v>
          </cell>
        </row>
        <row r="131">
          <cell r="A131">
            <v>44366</v>
          </cell>
        </row>
        <row r="132">
          <cell r="A132">
            <v>44367</v>
          </cell>
        </row>
        <row r="133">
          <cell r="A133">
            <v>44368</v>
          </cell>
        </row>
        <row r="134">
          <cell r="A134">
            <v>44369</v>
          </cell>
        </row>
        <row r="135">
          <cell r="A135">
            <v>44370</v>
          </cell>
        </row>
        <row r="136">
          <cell r="A136">
            <v>44371</v>
          </cell>
        </row>
        <row r="137">
          <cell r="A137">
            <v>44372</v>
          </cell>
        </row>
        <row r="138">
          <cell r="A138">
            <v>44373</v>
          </cell>
        </row>
        <row r="139">
          <cell r="A139">
            <v>44374</v>
          </cell>
        </row>
        <row r="140">
          <cell r="A140">
            <v>44375</v>
          </cell>
        </row>
        <row r="141">
          <cell r="A141">
            <v>44376</v>
          </cell>
        </row>
        <row r="142">
          <cell r="A142">
            <v>44377</v>
          </cell>
        </row>
        <row r="143">
          <cell r="A143">
            <v>44378</v>
          </cell>
        </row>
        <row r="144">
          <cell r="A144">
            <v>44379</v>
          </cell>
        </row>
        <row r="145">
          <cell r="A145">
            <v>44380</v>
          </cell>
        </row>
        <row r="146">
          <cell r="A146">
            <v>44381</v>
          </cell>
        </row>
        <row r="147">
          <cell r="A147">
            <v>44382</v>
          </cell>
        </row>
        <row r="148">
          <cell r="A148">
            <v>44383</v>
          </cell>
        </row>
        <row r="149">
          <cell r="A149">
            <v>44384</v>
          </cell>
        </row>
        <row r="150">
          <cell r="A150">
            <v>44385</v>
          </cell>
        </row>
        <row r="151">
          <cell r="A151">
            <v>44386</v>
          </cell>
        </row>
        <row r="152">
          <cell r="A152">
            <v>44387</v>
          </cell>
        </row>
        <row r="153">
          <cell r="A153">
            <v>44388</v>
          </cell>
        </row>
        <row r="154">
          <cell r="A154">
            <v>44389</v>
          </cell>
        </row>
        <row r="155">
          <cell r="A155">
            <v>44390</v>
          </cell>
        </row>
        <row r="156">
          <cell r="A156">
            <v>44391</v>
          </cell>
        </row>
        <row r="157">
          <cell r="A157">
            <v>44392</v>
          </cell>
        </row>
        <row r="158">
          <cell r="A158">
            <v>44393</v>
          </cell>
        </row>
        <row r="159">
          <cell r="A159">
            <v>44394</v>
          </cell>
        </row>
        <row r="160">
          <cell r="A160">
            <v>44395</v>
          </cell>
        </row>
        <row r="161">
          <cell r="A161">
            <v>44396</v>
          </cell>
        </row>
        <row r="162">
          <cell r="A162">
            <v>44397</v>
          </cell>
        </row>
        <row r="163">
          <cell r="A163">
            <v>44398</v>
          </cell>
        </row>
        <row r="164">
          <cell r="A164">
            <v>44399</v>
          </cell>
        </row>
        <row r="165">
          <cell r="A165">
            <v>44400</v>
          </cell>
        </row>
        <row r="166">
          <cell r="A166">
            <v>44401</v>
          </cell>
        </row>
        <row r="167">
          <cell r="A167">
            <v>44402</v>
          </cell>
        </row>
        <row r="168">
          <cell r="A168">
            <v>44403</v>
          </cell>
        </row>
        <row r="169">
          <cell r="A169">
            <v>44404</v>
          </cell>
        </row>
        <row r="170">
          <cell r="A170">
            <v>44405</v>
          </cell>
        </row>
        <row r="171">
          <cell r="A171">
            <v>44406</v>
          </cell>
        </row>
        <row r="172">
          <cell r="A172">
            <v>44407</v>
          </cell>
        </row>
        <row r="173">
          <cell r="A173">
            <v>44408</v>
          </cell>
        </row>
        <row r="174">
          <cell r="A174">
            <v>44409</v>
          </cell>
        </row>
        <row r="175">
          <cell r="A175">
            <v>44410</v>
          </cell>
        </row>
        <row r="176">
          <cell r="A176">
            <v>44411</v>
          </cell>
        </row>
        <row r="177">
          <cell r="A177">
            <v>44412</v>
          </cell>
        </row>
        <row r="178">
          <cell r="A178">
            <v>44413</v>
          </cell>
        </row>
        <row r="179">
          <cell r="A179">
            <v>44414</v>
          </cell>
        </row>
        <row r="180">
          <cell r="A180">
            <v>44415</v>
          </cell>
        </row>
        <row r="181">
          <cell r="A181">
            <v>44416</v>
          </cell>
        </row>
        <row r="182">
          <cell r="A182">
            <v>44417</v>
          </cell>
        </row>
        <row r="183">
          <cell r="A183">
            <v>44418</v>
          </cell>
        </row>
        <row r="184">
          <cell r="A184">
            <v>44419</v>
          </cell>
        </row>
        <row r="185">
          <cell r="A185">
            <v>44420</v>
          </cell>
        </row>
        <row r="186">
          <cell r="A186">
            <v>44421</v>
          </cell>
        </row>
        <row r="187">
          <cell r="A187">
            <v>44422</v>
          </cell>
        </row>
        <row r="188">
          <cell r="A188">
            <v>44423</v>
          </cell>
        </row>
        <row r="189">
          <cell r="A189">
            <v>44424</v>
          </cell>
        </row>
        <row r="190">
          <cell r="A190">
            <v>44425</v>
          </cell>
        </row>
        <row r="191">
          <cell r="A191">
            <v>44426</v>
          </cell>
        </row>
        <row r="192">
          <cell r="A192">
            <v>44427</v>
          </cell>
        </row>
        <row r="193">
          <cell r="A193">
            <v>44428</v>
          </cell>
        </row>
        <row r="194">
          <cell r="A194">
            <v>44429</v>
          </cell>
        </row>
        <row r="195">
          <cell r="A195">
            <v>44430</v>
          </cell>
        </row>
        <row r="196">
          <cell r="A196">
            <v>44431</v>
          </cell>
        </row>
        <row r="197">
          <cell r="A197">
            <v>44432</v>
          </cell>
        </row>
        <row r="198">
          <cell r="A198">
            <v>44433</v>
          </cell>
        </row>
        <row r="199">
          <cell r="A199">
            <v>44434</v>
          </cell>
        </row>
        <row r="200">
          <cell r="A200">
            <v>44435</v>
          </cell>
        </row>
        <row r="201">
          <cell r="A201">
            <v>44436</v>
          </cell>
        </row>
        <row r="202">
          <cell r="A202">
            <v>44437</v>
          </cell>
        </row>
        <row r="203">
          <cell r="A203">
            <v>44438</v>
          </cell>
        </row>
        <row r="204">
          <cell r="A204">
            <v>44439</v>
          </cell>
        </row>
        <row r="205">
          <cell r="A205">
            <v>44440</v>
          </cell>
        </row>
        <row r="206">
          <cell r="A206">
            <v>44441</v>
          </cell>
        </row>
        <row r="207">
          <cell r="A207">
            <v>44442</v>
          </cell>
        </row>
        <row r="208">
          <cell r="A208">
            <v>44443</v>
          </cell>
        </row>
        <row r="209">
          <cell r="A209">
            <v>44444</v>
          </cell>
        </row>
        <row r="210">
          <cell r="A210">
            <v>44445</v>
          </cell>
        </row>
        <row r="211">
          <cell r="A211">
            <v>44446</v>
          </cell>
        </row>
        <row r="212">
          <cell r="A212">
            <v>44447</v>
          </cell>
        </row>
        <row r="213">
          <cell r="A213">
            <v>44448</v>
          </cell>
        </row>
        <row r="214">
          <cell r="A214">
            <v>44449</v>
          </cell>
        </row>
        <row r="215">
          <cell r="A215">
            <v>44450</v>
          </cell>
        </row>
        <row r="216">
          <cell r="A216">
            <v>44451</v>
          </cell>
        </row>
        <row r="217">
          <cell r="A217">
            <v>44452</v>
          </cell>
        </row>
        <row r="218">
          <cell r="A218">
            <v>44453</v>
          </cell>
        </row>
        <row r="219">
          <cell r="A219">
            <v>44454</v>
          </cell>
        </row>
        <row r="220">
          <cell r="A220">
            <v>44455</v>
          </cell>
        </row>
        <row r="221">
          <cell r="A221">
            <v>44456</v>
          </cell>
        </row>
        <row r="222">
          <cell r="A222">
            <v>44457</v>
          </cell>
        </row>
        <row r="223">
          <cell r="A223">
            <v>44458</v>
          </cell>
        </row>
        <row r="224">
          <cell r="A224">
            <v>44459</v>
          </cell>
        </row>
        <row r="225">
          <cell r="A225">
            <v>44460</v>
          </cell>
        </row>
        <row r="226">
          <cell r="A226">
            <v>44461</v>
          </cell>
        </row>
        <row r="227">
          <cell r="A227">
            <v>44462</v>
          </cell>
        </row>
        <row r="228">
          <cell r="A228">
            <v>44463</v>
          </cell>
        </row>
        <row r="229">
          <cell r="A229">
            <v>44464</v>
          </cell>
        </row>
        <row r="230">
          <cell r="A230">
            <v>44465</v>
          </cell>
        </row>
        <row r="231">
          <cell r="A231">
            <v>44466</v>
          </cell>
        </row>
        <row r="232">
          <cell r="A232">
            <v>44467</v>
          </cell>
        </row>
        <row r="233">
          <cell r="A233">
            <v>44468</v>
          </cell>
        </row>
        <row r="234">
          <cell r="A234">
            <v>44469</v>
          </cell>
        </row>
        <row r="235">
          <cell r="A235">
            <v>44470</v>
          </cell>
        </row>
        <row r="236">
          <cell r="A236">
            <v>44471</v>
          </cell>
        </row>
        <row r="237">
          <cell r="A237">
            <v>44472</v>
          </cell>
        </row>
        <row r="238">
          <cell r="A238">
            <v>44473</v>
          </cell>
        </row>
        <row r="239">
          <cell r="A239">
            <v>44474</v>
          </cell>
        </row>
        <row r="240">
          <cell r="A240">
            <v>44475</v>
          </cell>
        </row>
        <row r="241">
          <cell r="A241">
            <v>44476</v>
          </cell>
        </row>
        <row r="242">
          <cell r="A242">
            <v>44477</v>
          </cell>
        </row>
        <row r="243">
          <cell r="A243">
            <v>44478</v>
          </cell>
        </row>
        <row r="244">
          <cell r="A244">
            <v>44479</v>
          </cell>
        </row>
        <row r="245">
          <cell r="A245">
            <v>44480</v>
          </cell>
        </row>
        <row r="246">
          <cell r="A246">
            <v>44481</v>
          </cell>
        </row>
        <row r="247">
          <cell r="A247">
            <v>44482</v>
          </cell>
        </row>
        <row r="248">
          <cell r="A248">
            <v>44483</v>
          </cell>
        </row>
        <row r="249">
          <cell r="A249">
            <v>44484</v>
          </cell>
        </row>
        <row r="250">
          <cell r="A250">
            <v>44485</v>
          </cell>
        </row>
        <row r="251">
          <cell r="A251">
            <v>44486</v>
          </cell>
        </row>
        <row r="252">
          <cell r="A252">
            <v>44487</v>
          </cell>
        </row>
        <row r="253">
          <cell r="A253">
            <v>44488</v>
          </cell>
        </row>
        <row r="254">
          <cell r="A254">
            <v>44489</v>
          </cell>
        </row>
        <row r="255">
          <cell r="A255">
            <v>44490</v>
          </cell>
        </row>
        <row r="256">
          <cell r="A256">
            <v>44491</v>
          </cell>
        </row>
        <row r="257">
          <cell r="A257">
            <v>44492</v>
          </cell>
        </row>
        <row r="258">
          <cell r="A258">
            <v>44493</v>
          </cell>
        </row>
        <row r="259">
          <cell r="A259">
            <v>44494</v>
          </cell>
        </row>
        <row r="260">
          <cell r="A260">
            <v>44495</v>
          </cell>
        </row>
        <row r="261">
          <cell r="A261">
            <v>44496</v>
          </cell>
        </row>
        <row r="262">
          <cell r="A262">
            <v>44497</v>
          </cell>
        </row>
        <row r="263">
          <cell r="A263">
            <v>44498</v>
          </cell>
        </row>
        <row r="264">
          <cell r="A264">
            <v>44499</v>
          </cell>
        </row>
        <row r="265">
          <cell r="A265">
            <v>44500</v>
          </cell>
        </row>
        <row r="266">
          <cell r="A266">
            <v>44501</v>
          </cell>
        </row>
        <row r="267">
          <cell r="A267">
            <v>44502</v>
          </cell>
        </row>
        <row r="268">
          <cell r="A268">
            <v>44503</v>
          </cell>
        </row>
        <row r="269">
          <cell r="A269">
            <v>44504</v>
          </cell>
        </row>
        <row r="270">
          <cell r="A270">
            <v>44505</v>
          </cell>
        </row>
        <row r="271">
          <cell r="A271">
            <v>44506</v>
          </cell>
        </row>
        <row r="272">
          <cell r="A272">
            <v>44507</v>
          </cell>
        </row>
        <row r="273">
          <cell r="A273">
            <v>44508</v>
          </cell>
        </row>
        <row r="274">
          <cell r="A274">
            <v>44509</v>
          </cell>
        </row>
        <row r="275">
          <cell r="A275">
            <v>44510</v>
          </cell>
        </row>
        <row r="276">
          <cell r="A276">
            <v>44511</v>
          </cell>
        </row>
        <row r="277">
          <cell r="A277">
            <v>44512</v>
          </cell>
        </row>
        <row r="278">
          <cell r="A278">
            <v>44513</v>
          </cell>
        </row>
        <row r="279">
          <cell r="A279">
            <v>44514</v>
          </cell>
        </row>
        <row r="280">
          <cell r="A280">
            <v>44515</v>
          </cell>
        </row>
        <row r="281">
          <cell r="A281">
            <v>44516</v>
          </cell>
        </row>
        <row r="282">
          <cell r="A282">
            <v>44517</v>
          </cell>
        </row>
        <row r="283">
          <cell r="A283">
            <v>44518</v>
          </cell>
        </row>
        <row r="284">
          <cell r="A284">
            <v>44519</v>
          </cell>
        </row>
        <row r="285">
          <cell r="A285">
            <v>44520</v>
          </cell>
        </row>
        <row r="286">
          <cell r="A286">
            <v>44521</v>
          </cell>
        </row>
        <row r="287">
          <cell r="A287">
            <v>44522</v>
          </cell>
        </row>
        <row r="288">
          <cell r="A288">
            <v>44523</v>
          </cell>
        </row>
        <row r="289">
          <cell r="A289">
            <v>44524</v>
          </cell>
        </row>
        <row r="290">
          <cell r="A290">
            <v>44525</v>
          </cell>
        </row>
        <row r="291">
          <cell r="A291">
            <v>44526</v>
          </cell>
        </row>
        <row r="292">
          <cell r="A292">
            <v>44527</v>
          </cell>
        </row>
        <row r="293">
          <cell r="A293">
            <v>44528</v>
          </cell>
        </row>
        <row r="294">
          <cell r="A294">
            <v>44529</v>
          </cell>
        </row>
        <row r="295">
          <cell r="A295">
            <v>44530</v>
          </cell>
        </row>
        <row r="296">
          <cell r="A296">
            <v>44531</v>
          </cell>
        </row>
        <row r="297">
          <cell r="A297">
            <v>44532</v>
          </cell>
        </row>
        <row r="298">
          <cell r="A298">
            <v>44533</v>
          </cell>
        </row>
        <row r="299">
          <cell r="A299">
            <v>44534</v>
          </cell>
        </row>
        <row r="300">
          <cell r="A300">
            <v>44535</v>
          </cell>
        </row>
        <row r="301">
          <cell r="A301">
            <v>44536</v>
          </cell>
        </row>
        <row r="302">
          <cell r="A302">
            <v>44537</v>
          </cell>
        </row>
        <row r="303">
          <cell r="A303">
            <v>44538</v>
          </cell>
        </row>
        <row r="304">
          <cell r="A304">
            <v>44539</v>
          </cell>
        </row>
        <row r="305">
          <cell r="A305">
            <v>44540</v>
          </cell>
        </row>
        <row r="306">
          <cell r="A306">
            <v>44541</v>
          </cell>
        </row>
        <row r="307">
          <cell r="A307">
            <v>44542</v>
          </cell>
        </row>
        <row r="308">
          <cell r="A308">
            <v>44543</v>
          </cell>
        </row>
        <row r="309">
          <cell r="A309">
            <v>44544</v>
          </cell>
        </row>
        <row r="310">
          <cell r="A310">
            <v>44545</v>
          </cell>
        </row>
        <row r="311">
          <cell r="A311">
            <v>44546</v>
          </cell>
        </row>
        <row r="312">
          <cell r="A312">
            <v>44547</v>
          </cell>
        </row>
        <row r="313">
          <cell r="A313">
            <v>44548</v>
          </cell>
        </row>
        <row r="314">
          <cell r="A314">
            <v>44549</v>
          </cell>
        </row>
        <row r="315">
          <cell r="A315">
            <v>44550</v>
          </cell>
        </row>
        <row r="316">
          <cell r="A316">
            <v>44551</v>
          </cell>
        </row>
        <row r="317">
          <cell r="A317">
            <v>44552</v>
          </cell>
        </row>
        <row r="318">
          <cell r="A318">
            <v>44553</v>
          </cell>
        </row>
        <row r="319">
          <cell r="A319">
            <v>44554</v>
          </cell>
        </row>
        <row r="320">
          <cell r="A320">
            <v>44555</v>
          </cell>
        </row>
        <row r="321">
          <cell r="A321">
            <v>44556</v>
          </cell>
        </row>
        <row r="322">
          <cell r="A322">
            <v>44557</v>
          </cell>
        </row>
        <row r="323">
          <cell r="A323">
            <v>44558</v>
          </cell>
        </row>
        <row r="324">
          <cell r="A324">
            <v>44559</v>
          </cell>
        </row>
        <row r="325">
          <cell r="A325">
            <v>44560</v>
          </cell>
        </row>
        <row r="326">
          <cell r="A326">
            <v>44561</v>
          </cell>
        </row>
        <row r="327">
          <cell r="A327">
            <v>44562</v>
          </cell>
        </row>
        <row r="328">
          <cell r="A328">
            <v>44563</v>
          </cell>
        </row>
        <row r="329">
          <cell r="A329">
            <v>44564</v>
          </cell>
        </row>
        <row r="330">
          <cell r="A330">
            <v>44565</v>
          </cell>
        </row>
        <row r="331">
          <cell r="A331">
            <v>44566</v>
          </cell>
        </row>
        <row r="332">
          <cell r="A332">
            <v>44567</v>
          </cell>
        </row>
        <row r="333">
          <cell r="A333">
            <v>44568</v>
          </cell>
        </row>
        <row r="334">
          <cell r="A334">
            <v>44569</v>
          </cell>
        </row>
        <row r="335">
          <cell r="A335">
            <v>44570</v>
          </cell>
        </row>
        <row r="336">
          <cell r="A336">
            <v>44571</v>
          </cell>
        </row>
        <row r="337">
          <cell r="A337">
            <v>44572</v>
          </cell>
        </row>
        <row r="338">
          <cell r="A338">
            <v>44573</v>
          </cell>
        </row>
        <row r="339">
          <cell r="A339">
            <v>44574</v>
          </cell>
        </row>
        <row r="340">
          <cell r="A340">
            <v>44575</v>
          </cell>
        </row>
        <row r="341">
          <cell r="A341">
            <v>44576</v>
          </cell>
        </row>
        <row r="342">
          <cell r="A342">
            <v>44577</v>
          </cell>
        </row>
        <row r="343">
          <cell r="A343">
            <v>44578</v>
          </cell>
        </row>
        <row r="344">
          <cell r="A344">
            <v>44579</v>
          </cell>
        </row>
        <row r="345">
          <cell r="A345">
            <v>44580</v>
          </cell>
        </row>
        <row r="346">
          <cell r="A346">
            <v>44581</v>
          </cell>
        </row>
        <row r="347">
          <cell r="A347">
            <v>44582</v>
          </cell>
        </row>
        <row r="348">
          <cell r="A348">
            <v>44583</v>
          </cell>
        </row>
        <row r="349">
          <cell r="A349">
            <v>44584</v>
          </cell>
        </row>
        <row r="350">
          <cell r="A350">
            <v>44585</v>
          </cell>
        </row>
        <row r="351">
          <cell r="A351">
            <v>44586</v>
          </cell>
        </row>
        <row r="352">
          <cell r="A352">
            <v>44587</v>
          </cell>
        </row>
        <row r="353">
          <cell r="A353">
            <v>44588</v>
          </cell>
        </row>
        <row r="354">
          <cell r="A354">
            <v>44589</v>
          </cell>
        </row>
        <row r="355">
          <cell r="A355">
            <v>44590</v>
          </cell>
        </row>
        <row r="356">
          <cell r="A356">
            <v>44591</v>
          </cell>
        </row>
        <row r="357">
          <cell r="A357">
            <v>44592</v>
          </cell>
        </row>
        <row r="358">
          <cell r="A358">
            <v>44593</v>
          </cell>
        </row>
        <row r="359">
          <cell r="A359">
            <v>44594</v>
          </cell>
        </row>
        <row r="360">
          <cell r="A360">
            <v>44595</v>
          </cell>
        </row>
        <row r="361">
          <cell r="A361">
            <v>44596</v>
          </cell>
        </row>
        <row r="362">
          <cell r="A362">
            <v>44597</v>
          </cell>
        </row>
        <row r="363">
          <cell r="A363">
            <v>44598</v>
          </cell>
        </row>
        <row r="364">
          <cell r="A364">
            <v>44599</v>
          </cell>
        </row>
        <row r="365">
          <cell r="A365">
            <v>44600</v>
          </cell>
        </row>
        <row r="366">
          <cell r="A366">
            <v>44601</v>
          </cell>
        </row>
        <row r="367">
          <cell r="A367">
            <v>44602</v>
          </cell>
        </row>
        <row r="368">
          <cell r="A368">
            <v>44603</v>
          </cell>
        </row>
        <row r="369">
          <cell r="A369">
            <v>44604</v>
          </cell>
        </row>
        <row r="370">
          <cell r="A370">
            <v>44605</v>
          </cell>
        </row>
        <row r="371">
          <cell r="A371">
            <v>44606</v>
          </cell>
        </row>
        <row r="372">
          <cell r="A372">
            <v>44607</v>
          </cell>
        </row>
        <row r="373">
          <cell r="A373">
            <v>44608</v>
          </cell>
        </row>
        <row r="374">
          <cell r="A374">
            <v>44609</v>
          </cell>
        </row>
        <row r="375">
          <cell r="A375">
            <v>44610</v>
          </cell>
        </row>
        <row r="376">
          <cell r="A376">
            <v>44611</v>
          </cell>
        </row>
        <row r="377">
          <cell r="A377">
            <v>44612</v>
          </cell>
        </row>
        <row r="378">
          <cell r="A378">
            <v>44613</v>
          </cell>
        </row>
        <row r="379">
          <cell r="A379">
            <v>44614</v>
          </cell>
        </row>
        <row r="380">
          <cell r="A380">
            <v>44615</v>
          </cell>
        </row>
        <row r="381">
          <cell r="A381">
            <v>44616</v>
          </cell>
        </row>
        <row r="382">
          <cell r="A382">
            <v>44617</v>
          </cell>
        </row>
        <row r="383">
          <cell r="A383">
            <v>44618</v>
          </cell>
        </row>
        <row r="384">
          <cell r="A384">
            <v>44619</v>
          </cell>
        </row>
        <row r="385">
          <cell r="A385">
            <v>44620</v>
          </cell>
        </row>
        <row r="386">
          <cell r="A386">
            <v>44621</v>
          </cell>
        </row>
        <row r="387">
          <cell r="A387">
            <v>44622</v>
          </cell>
        </row>
        <row r="388">
          <cell r="A388">
            <v>44623</v>
          </cell>
        </row>
        <row r="389">
          <cell r="A389">
            <v>44624</v>
          </cell>
        </row>
        <row r="390">
          <cell r="A390">
            <v>44625</v>
          </cell>
        </row>
        <row r="391">
          <cell r="A391">
            <v>44626</v>
          </cell>
        </row>
        <row r="392">
          <cell r="A392">
            <v>44627</v>
          </cell>
        </row>
        <row r="393">
          <cell r="A393">
            <v>44628</v>
          </cell>
        </row>
        <row r="394">
          <cell r="A394">
            <v>44629</v>
          </cell>
        </row>
        <row r="395">
          <cell r="A395">
            <v>44630</v>
          </cell>
        </row>
        <row r="396">
          <cell r="A396">
            <v>44631</v>
          </cell>
        </row>
      </sheetData>
    </sheetDataSet>
  </externalBook>
</externalLink>
</file>

<file path=xl/tables/table1.xml><?xml version="1.0" encoding="utf-8"?>
<table xmlns="http://schemas.openxmlformats.org/spreadsheetml/2006/main" id="1" name="Tableau4" displayName="Tableau4" ref="A1:B396" totalsRowShown="0">
  <autoFilter ref="A1:B396"/>
  <tableColumns count="2">
    <tableColumn id="1" name="Date"/>
    <tableColumn id="2" name="Valeurs"/>
  </tableColumns>
  <tableStyleInfo name="TableStyleMedium2" showFirstColumn="0" showLastColumn="0" showRowStripes="1" showColumnStripes="0"/>
</table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ontrol" Target="../activeX/activeX2.xml"/><Relationship Id="rId5" Type="http://schemas.openxmlformats.org/officeDocument/2006/relationships/image" Target="../media/image1.emf"/><Relationship Id="rId4" Type="http://schemas.openxmlformats.org/officeDocument/2006/relationships/control" Target="../activeX/activeX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table" Target="../tables/table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 codeName="Feuil1"/>
  <dimension ref="R4:R15"/>
  <sheetViews>
    <sheetView tabSelected="1" zoomScale="70" zoomScaleNormal="70" workbookViewId="0">
      <selection activeCell="R6" sqref="R6"/>
    </sheetView>
  </sheetViews>
  <sheetFormatPr baseColWidth="10" defaultRowHeight="14.4" x14ac:dyDescent="0.3"/>
  <sheetData>
    <row r="4" spans="18:18" x14ac:dyDescent="0.3">
      <c r="R4" s="1"/>
    </row>
    <row r="5" spans="18:18" x14ac:dyDescent="0.3">
      <c r="R5" s="1"/>
    </row>
    <row r="15" spans="18:18" ht="28.8" customHeight="1" x14ac:dyDescent="0.3"/>
  </sheetData>
  <pageMargins left="0.7" right="0.7" top="0.75" bottom="0.75" header="0.3" footer="0.3"/>
  <pageSetup paperSize="9" orientation="portrait" r:id="rId1"/>
  <drawing r:id="rId2"/>
  <legacyDrawing r:id="rId3"/>
  <controls>
    <mc:AlternateContent xmlns:mc="http://schemas.openxmlformats.org/markup-compatibility/2006">
      <mc:Choice Requires="x14">
        <control shapeId="1026" r:id="rId4" name="TextBox2">
          <controlPr defaultSize="0" autoLine="0" r:id="rId5">
            <anchor moveWithCells="1">
              <from>
                <xdr:col>17</xdr:col>
                <xdr:colOff>419100</xdr:colOff>
                <xdr:row>16</xdr:row>
                <xdr:rowOff>167640</xdr:rowOff>
              </from>
              <to>
                <xdr:col>20</xdr:col>
                <xdr:colOff>160020</xdr:colOff>
                <xdr:row>19</xdr:row>
                <xdr:rowOff>91440</xdr:rowOff>
              </to>
            </anchor>
          </controlPr>
        </control>
      </mc:Choice>
      <mc:Fallback>
        <control shapeId="1026" r:id="rId4" name="TextBox2"/>
      </mc:Fallback>
    </mc:AlternateContent>
    <mc:AlternateContent xmlns:mc="http://schemas.openxmlformats.org/markup-compatibility/2006">
      <mc:Choice Requires="x14">
        <control shapeId="1025" r:id="rId6" name="TextBox1">
          <controlPr defaultSize="0" autoLine="0" autoPict="0" r:id="rId5">
            <anchor moveWithCells="1">
              <from>
                <xdr:col>17</xdr:col>
                <xdr:colOff>388620</xdr:colOff>
                <xdr:row>13</xdr:row>
                <xdr:rowOff>22860</xdr:rowOff>
              </from>
              <to>
                <xdr:col>20</xdr:col>
                <xdr:colOff>129540</xdr:colOff>
                <xdr:row>14</xdr:row>
                <xdr:rowOff>312420</xdr:rowOff>
              </to>
            </anchor>
          </controlPr>
        </control>
      </mc:Choice>
      <mc:Fallback>
        <control shapeId="1025" r:id="rId6" name="TextBox1"/>
      </mc:Fallback>
    </mc:AlternateContent>
  </control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Feuil2"/>
  <dimension ref="A1:B396"/>
  <sheetViews>
    <sheetView workbookViewId="0">
      <selection sqref="A1:B4"/>
    </sheetView>
  </sheetViews>
  <sheetFormatPr baseColWidth="10" defaultRowHeight="14.4" x14ac:dyDescent="0.3"/>
  <cols>
    <col min="1" max="1" width="10.5546875" bestFit="1" customWidth="1"/>
    <col min="2" max="2" width="24.5546875" bestFit="1" customWidth="1"/>
  </cols>
  <sheetData>
    <row r="1" spans="1:2" x14ac:dyDescent="0.3">
      <c r="A1" t="s">
        <v>0</v>
      </c>
      <c r="B1" t="s">
        <v>1</v>
      </c>
    </row>
    <row r="2" spans="1:2" x14ac:dyDescent="0.3">
      <c r="A2" s="1">
        <v>44237</v>
      </c>
      <c r="B2">
        <v>10</v>
      </c>
    </row>
    <row r="3" spans="1:2" x14ac:dyDescent="0.3">
      <c r="A3" s="1">
        <v>44238</v>
      </c>
      <c r="B3">
        <v>10</v>
      </c>
    </row>
    <row r="4" spans="1:2" x14ac:dyDescent="0.3">
      <c r="A4" s="1">
        <v>44239</v>
      </c>
      <c r="B4">
        <v>10</v>
      </c>
    </row>
    <row r="5" spans="1:2" x14ac:dyDescent="0.3">
      <c r="A5" s="1">
        <v>44240</v>
      </c>
      <c r="B5">
        <v>10</v>
      </c>
    </row>
    <row r="6" spans="1:2" x14ac:dyDescent="0.3">
      <c r="A6" s="1">
        <v>44241</v>
      </c>
      <c r="B6">
        <v>10</v>
      </c>
    </row>
    <row r="7" spans="1:2" x14ac:dyDescent="0.3">
      <c r="A7" s="1">
        <v>44242</v>
      </c>
      <c r="B7">
        <v>10</v>
      </c>
    </row>
    <row r="8" spans="1:2" x14ac:dyDescent="0.3">
      <c r="A8" s="1">
        <v>44243</v>
      </c>
      <c r="B8">
        <v>10</v>
      </c>
    </row>
    <row r="9" spans="1:2" x14ac:dyDescent="0.3">
      <c r="A9" s="1">
        <v>44244</v>
      </c>
      <c r="B9">
        <v>10</v>
      </c>
    </row>
    <row r="10" spans="1:2" x14ac:dyDescent="0.3">
      <c r="A10" s="1">
        <v>44245</v>
      </c>
      <c r="B10">
        <v>10</v>
      </c>
    </row>
    <row r="11" spans="1:2" x14ac:dyDescent="0.3">
      <c r="A11" s="1">
        <v>44246</v>
      </c>
      <c r="B11">
        <v>10</v>
      </c>
    </row>
    <row r="12" spans="1:2" x14ac:dyDescent="0.3">
      <c r="A12" s="1">
        <v>44247</v>
      </c>
      <c r="B12">
        <v>10</v>
      </c>
    </row>
    <row r="13" spans="1:2" x14ac:dyDescent="0.3">
      <c r="A13" s="1">
        <v>44248</v>
      </c>
      <c r="B13">
        <v>10</v>
      </c>
    </row>
    <row r="14" spans="1:2" x14ac:dyDescent="0.3">
      <c r="A14" s="1">
        <v>44249</v>
      </c>
      <c r="B14">
        <v>10</v>
      </c>
    </row>
    <row r="15" spans="1:2" x14ac:dyDescent="0.3">
      <c r="A15" s="1">
        <v>44250</v>
      </c>
      <c r="B15">
        <v>10</v>
      </c>
    </row>
    <row r="16" spans="1:2" x14ac:dyDescent="0.3">
      <c r="A16" s="1">
        <v>44251</v>
      </c>
      <c r="B16">
        <v>10</v>
      </c>
    </row>
    <row r="17" spans="1:2" x14ac:dyDescent="0.3">
      <c r="A17" s="1">
        <v>44252</v>
      </c>
      <c r="B17">
        <v>10</v>
      </c>
    </row>
    <row r="18" spans="1:2" x14ac:dyDescent="0.3">
      <c r="A18" s="1">
        <v>44253</v>
      </c>
      <c r="B18">
        <v>10</v>
      </c>
    </row>
    <row r="19" spans="1:2" x14ac:dyDescent="0.3">
      <c r="A19" s="1">
        <v>44254</v>
      </c>
      <c r="B19">
        <v>10</v>
      </c>
    </row>
    <row r="20" spans="1:2" x14ac:dyDescent="0.3">
      <c r="A20" s="1">
        <v>44255</v>
      </c>
      <c r="B20">
        <v>10</v>
      </c>
    </row>
    <row r="21" spans="1:2" x14ac:dyDescent="0.3">
      <c r="A21" s="1">
        <v>44256</v>
      </c>
      <c r="B21">
        <v>10</v>
      </c>
    </row>
    <row r="22" spans="1:2" x14ac:dyDescent="0.3">
      <c r="A22" s="1">
        <v>44257</v>
      </c>
      <c r="B22">
        <v>10</v>
      </c>
    </row>
    <row r="23" spans="1:2" x14ac:dyDescent="0.3">
      <c r="A23" s="1">
        <v>44258</v>
      </c>
      <c r="B23">
        <v>10</v>
      </c>
    </row>
    <row r="24" spans="1:2" x14ac:dyDescent="0.3">
      <c r="A24" s="1">
        <v>44259</v>
      </c>
      <c r="B24">
        <v>10</v>
      </c>
    </row>
    <row r="25" spans="1:2" x14ac:dyDescent="0.3">
      <c r="A25" s="1">
        <v>44260</v>
      </c>
      <c r="B25">
        <v>10</v>
      </c>
    </row>
    <row r="26" spans="1:2" x14ac:dyDescent="0.3">
      <c r="A26" s="1">
        <v>44261</v>
      </c>
      <c r="B26">
        <v>10</v>
      </c>
    </row>
    <row r="27" spans="1:2" x14ac:dyDescent="0.3">
      <c r="A27" s="1">
        <v>44262</v>
      </c>
      <c r="B27">
        <v>10</v>
      </c>
    </row>
    <row r="28" spans="1:2" x14ac:dyDescent="0.3">
      <c r="A28" s="1">
        <v>44263</v>
      </c>
      <c r="B28">
        <v>10</v>
      </c>
    </row>
    <row r="29" spans="1:2" x14ac:dyDescent="0.3">
      <c r="A29" s="1">
        <v>44264</v>
      </c>
      <c r="B29">
        <v>10</v>
      </c>
    </row>
    <row r="30" spans="1:2" x14ac:dyDescent="0.3">
      <c r="A30" s="1">
        <v>44265</v>
      </c>
      <c r="B30">
        <v>10</v>
      </c>
    </row>
    <row r="31" spans="1:2" x14ac:dyDescent="0.3">
      <c r="A31" s="1">
        <v>44266</v>
      </c>
      <c r="B31">
        <v>10</v>
      </c>
    </row>
    <row r="32" spans="1:2" x14ac:dyDescent="0.3">
      <c r="A32" s="1">
        <v>44267</v>
      </c>
      <c r="B32">
        <v>10</v>
      </c>
    </row>
    <row r="33" spans="1:2" x14ac:dyDescent="0.3">
      <c r="A33" s="1">
        <v>44268</v>
      </c>
      <c r="B33">
        <v>10</v>
      </c>
    </row>
    <row r="34" spans="1:2" x14ac:dyDescent="0.3">
      <c r="A34" s="1">
        <v>44269</v>
      </c>
      <c r="B34">
        <v>10</v>
      </c>
    </row>
    <row r="35" spans="1:2" x14ac:dyDescent="0.3">
      <c r="A35" s="1">
        <v>44270</v>
      </c>
      <c r="B35">
        <v>10</v>
      </c>
    </row>
    <row r="36" spans="1:2" x14ac:dyDescent="0.3">
      <c r="A36" s="1">
        <v>44271</v>
      </c>
      <c r="B36">
        <v>10</v>
      </c>
    </row>
    <row r="37" spans="1:2" x14ac:dyDescent="0.3">
      <c r="A37" s="1">
        <v>44272</v>
      </c>
      <c r="B37">
        <v>10</v>
      </c>
    </row>
    <row r="38" spans="1:2" x14ac:dyDescent="0.3">
      <c r="A38" s="1">
        <v>44273</v>
      </c>
      <c r="B38">
        <v>10</v>
      </c>
    </row>
    <row r="39" spans="1:2" x14ac:dyDescent="0.3">
      <c r="A39" s="1">
        <v>44274</v>
      </c>
      <c r="B39">
        <v>10</v>
      </c>
    </row>
    <row r="40" spans="1:2" x14ac:dyDescent="0.3">
      <c r="A40" s="1">
        <v>44275</v>
      </c>
      <c r="B40">
        <v>10</v>
      </c>
    </row>
    <row r="41" spans="1:2" x14ac:dyDescent="0.3">
      <c r="A41" s="1">
        <v>44276</v>
      </c>
      <c r="B41">
        <v>10</v>
      </c>
    </row>
    <row r="42" spans="1:2" x14ac:dyDescent="0.3">
      <c r="A42" s="1">
        <v>44277</v>
      </c>
      <c r="B42">
        <v>10</v>
      </c>
    </row>
    <row r="43" spans="1:2" x14ac:dyDescent="0.3">
      <c r="A43" s="1">
        <v>44278</v>
      </c>
      <c r="B43">
        <v>10</v>
      </c>
    </row>
    <row r="44" spans="1:2" x14ac:dyDescent="0.3">
      <c r="A44" s="1">
        <v>44279</v>
      </c>
      <c r="B44">
        <v>10</v>
      </c>
    </row>
    <row r="45" spans="1:2" x14ac:dyDescent="0.3">
      <c r="A45" s="1">
        <v>44280</v>
      </c>
      <c r="B45">
        <v>10</v>
      </c>
    </row>
    <row r="46" spans="1:2" x14ac:dyDescent="0.3">
      <c r="A46" s="1">
        <v>44281</v>
      </c>
      <c r="B46">
        <v>10</v>
      </c>
    </row>
    <row r="47" spans="1:2" x14ac:dyDescent="0.3">
      <c r="A47" s="1">
        <v>44282</v>
      </c>
      <c r="B47">
        <v>10</v>
      </c>
    </row>
    <row r="48" spans="1:2" x14ac:dyDescent="0.3">
      <c r="A48" s="1">
        <v>44283</v>
      </c>
      <c r="B48">
        <v>10</v>
      </c>
    </row>
    <row r="49" spans="1:2" x14ac:dyDescent="0.3">
      <c r="A49" s="1">
        <v>44284</v>
      </c>
      <c r="B49">
        <v>10</v>
      </c>
    </row>
    <row r="50" spans="1:2" x14ac:dyDescent="0.3">
      <c r="A50" s="1">
        <v>44285</v>
      </c>
      <c r="B50">
        <v>10</v>
      </c>
    </row>
    <row r="51" spans="1:2" x14ac:dyDescent="0.3">
      <c r="A51" s="1">
        <v>44286</v>
      </c>
      <c r="B51">
        <v>10</v>
      </c>
    </row>
    <row r="52" spans="1:2" x14ac:dyDescent="0.3">
      <c r="A52" s="1">
        <v>44287</v>
      </c>
      <c r="B52">
        <v>10</v>
      </c>
    </row>
    <row r="53" spans="1:2" x14ac:dyDescent="0.3">
      <c r="A53" s="1">
        <v>44288</v>
      </c>
      <c r="B53">
        <v>10</v>
      </c>
    </row>
    <row r="54" spans="1:2" x14ac:dyDescent="0.3">
      <c r="A54" s="1">
        <v>44289</v>
      </c>
      <c r="B54">
        <v>10</v>
      </c>
    </row>
    <row r="55" spans="1:2" x14ac:dyDescent="0.3">
      <c r="A55" s="1">
        <v>44290</v>
      </c>
      <c r="B55">
        <v>10</v>
      </c>
    </row>
    <row r="56" spans="1:2" x14ac:dyDescent="0.3">
      <c r="A56" s="1">
        <v>44291</v>
      </c>
      <c r="B56">
        <v>10</v>
      </c>
    </row>
    <row r="57" spans="1:2" x14ac:dyDescent="0.3">
      <c r="A57" s="1">
        <v>44292</v>
      </c>
      <c r="B57">
        <v>10</v>
      </c>
    </row>
    <row r="58" spans="1:2" x14ac:dyDescent="0.3">
      <c r="A58" s="1">
        <v>44293</v>
      </c>
      <c r="B58">
        <v>10</v>
      </c>
    </row>
    <row r="59" spans="1:2" x14ac:dyDescent="0.3">
      <c r="A59" s="1">
        <v>44294</v>
      </c>
      <c r="B59">
        <v>10</v>
      </c>
    </row>
    <row r="60" spans="1:2" x14ac:dyDescent="0.3">
      <c r="A60" s="1">
        <v>44295</v>
      </c>
      <c r="B60">
        <v>10</v>
      </c>
    </row>
    <row r="61" spans="1:2" x14ac:dyDescent="0.3">
      <c r="A61" s="1">
        <v>44296</v>
      </c>
      <c r="B61">
        <v>10</v>
      </c>
    </row>
    <row r="62" spans="1:2" x14ac:dyDescent="0.3">
      <c r="A62" s="1">
        <v>44297</v>
      </c>
      <c r="B62">
        <v>10</v>
      </c>
    </row>
    <row r="63" spans="1:2" x14ac:dyDescent="0.3">
      <c r="A63" s="1">
        <v>44298</v>
      </c>
      <c r="B63">
        <v>10</v>
      </c>
    </row>
    <row r="64" spans="1:2" x14ac:dyDescent="0.3">
      <c r="A64" s="1">
        <v>44299</v>
      </c>
      <c r="B64">
        <v>10</v>
      </c>
    </row>
    <row r="65" spans="1:2" x14ac:dyDescent="0.3">
      <c r="A65" s="1">
        <v>44300</v>
      </c>
      <c r="B65">
        <v>10</v>
      </c>
    </row>
    <row r="66" spans="1:2" x14ac:dyDescent="0.3">
      <c r="A66" s="1">
        <v>44301</v>
      </c>
      <c r="B66">
        <v>10</v>
      </c>
    </row>
    <row r="67" spans="1:2" x14ac:dyDescent="0.3">
      <c r="A67" s="1">
        <v>44302</v>
      </c>
      <c r="B67">
        <v>10</v>
      </c>
    </row>
    <row r="68" spans="1:2" x14ac:dyDescent="0.3">
      <c r="A68" s="1">
        <v>44303</v>
      </c>
      <c r="B68">
        <v>10</v>
      </c>
    </row>
    <row r="69" spans="1:2" x14ac:dyDescent="0.3">
      <c r="A69" s="1">
        <v>44304</v>
      </c>
      <c r="B69">
        <v>10</v>
      </c>
    </row>
    <row r="70" spans="1:2" x14ac:dyDescent="0.3">
      <c r="A70" s="1">
        <v>44305</v>
      </c>
      <c r="B70">
        <v>10</v>
      </c>
    </row>
    <row r="71" spans="1:2" x14ac:dyDescent="0.3">
      <c r="A71" s="1">
        <v>44306</v>
      </c>
      <c r="B71">
        <v>10</v>
      </c>
    </row>
    <row r="72" spans="1:2" x14ac:dyDescent="0.3">
      <c r="A72" s="1">
        <v>44307</v>
      </c>
      <c r="B72">
        <v>10</v>
      </c>
    </row>
    <row r="73" spans="1:2" x14ac:dyDescent="0.3">
      <c r="A73" s="1">
        <v>44308</v>
      </c>
      <c r="B73">
        <v>10</v>
      </c>
    </row>
    <row r="74" spans="1:2" x14ac:dyDescent="0.3">
      <c r="A74" s="1">
        <v>44309</v>
      </c>
      <c r="B74">
        <v>10</v>
      </c>
    </row>
    <row r="75" spans="1:2" x14ac:dyDescent="0.3">
      <c r="A75" s="1">
        <v>44310</v>
      </c>
      <c r="B75">
        <v>10</v>
      </c>
    </row>
    <row r="76" spans="1:2" x14ac:dyDescent="0.3">
      <c r="A76" s="1">
        <v>44311</v>
      </c>
      <c r="B76">
        <v>10</v>
      </c>
    </row>
    <row r="77" spans="1:2" x14ac:dyDescent="0.3">
      <c r="A77" s="1">
        <v>44312</v>
      </c>
      <c r="B77">
        <v>10</v>
      </c>
    </row>
    <row r="78" spans="1:2" x14ac:dyDescent="0.3">
      <c r="A78" s="1">
        <v>44313</v>
      </c>
      <c r="B78">
        <v>10</v>
      </c>
    </row>
    <row r="79" spans="1:2" x14ac:dyDescent="0.3">
      <c r="A79" s="1">
        <v>44314</v>
      </c>
      <c r="B79">
        <v>10</v>
      </c>
    </row>
    <row r="80" spans="1:2" x14ac:dyDescent="0.3">
      <c r="A80" s="1">
        <v>44315</v>
      </c>
    </row>
    <row r="81" spans="1:1" x14ac:dyDescent="0.3">
      <c r="A81" s="1">
        <v>44316</v>
      </c>
    </row>
    <row r="82" spans="1:1" x14ac:dyDescent="0.3">
      <c r="A82" s="1">
        <v>44317</v>
      </c>
    </row>
    <row r="83" spans="1:1" x14ac:dyDescent="0.3">
      <c r="A83" s="1">
        <v>44318</v>
      </c>
    </row>
    <row r="84" spans="1:1" x14ac:dyDescent="0.3">
      <c r="A84" s="1">
        <v>44319</v>
      </c>
    </row>
    <row r="85" spans="1:1" x14ac:dyDescent="0.3">
      <c r="A85" s="1">
        <v>44320</v>
      </c>
    </row>
    <row r="86" spans="1:1" x14ac:dyDescent="0.3">
      <c r="A86" s="1">
        <v>44321</v>
      </c>
    </row>
    <row r="87" spans="1:1" x14ac:dyDescent="0.3">
      <c r="A87" s="1">
        <v>44322</v>
      </c>
    </row>
    <row r="88" spans="1:1" x14ac:dyDescent="0.3">
      <c r="A88" s="1">
        <v>44323</v>
      </c>
    </row>
    <row r="89" spans="1:1" x14ac:dyDescent="0.3">
      <c r="A89" s="1">
        <v>44324</v>
      </c>
    </row>
    <row r="90" spans="1:1" x14ac:dyDescent="0.3">
      <c r="A90" s="1">
        <v>44325</v>
      </c>
    </row>
    <row r="91" spans="1:1" x14ac:dyDescent="0.3">
      <c r="A91" s="1">
        <v>44326</v>
      </c>
    </row>
    <row r="92" spans="1:1" x14ac:dyDescent="0.3">
      <c r="A92" s="1">
        <v>44327</v>
      </c>
    </row>
    <row r="93" spans="1:1" x14ac:dyDescent="0.3">
      <c r="A93" s="1">
        <v>44328</v>
      </c>
    </row>
    <row r="94" spans="1:1" x14ac:dyDescent="0.3">
      <c r="A94" s="1">
        <v>44329</v>
      </c>
    </row>
    <row r="95" spans="1:1" x14ac:dyDescent="0.3">
      <c r="A95" s="1">
        <v>44330</v>
      </c>
    </row>
    <row r="96" spans="1:1" x14ac:dyDescent="0.3">
      <c r="A96" s="1">
        <v>44331</v>
      </c>
    </row>
    <row r="97" spans="1:1" x14ac:dyDescent="0.3">
      <c r="A97" s="1">
        <v>44332</v>
      </c>
    </row>
    <row r="98" spans="1:1" x14ac:dyDescent="0.3">
      <c r="A98" s="1">
        <v>44333</v>
      </c>
    </row>
    <row r="99" spans="1:1" x14ac:dyDescent="0.3">
      <c r="A99" s="1">
        <v>44334</v>
      </c>
    </row>
    <row r="100" spans="1:1" x14ac:dyDescent="0.3">
      <c r="A100" s="1">
        <v>44335</v>
      </c>
    </row>
    <row r="101" spans="1:1" x14ac:dyDescent="0.3">
      <c r="A101" s="1">
        <v>44336</v>
      </c>
    </row>
    <row r="102" spans="1:1" x14ac:dyDescent="0.3">
      <c r="A102" s="1">
        <v>44337</v>
      </c>
    </row>
    <row r="103" spans="1:1" x14ac:dyDescent="0.3">
      <c r="A103" s="1">
        <v>44338</v>
      </c>
    </row>
    <row r="104" spans="1:1" x14ac:dyDescent="0.3">
      <c r="A104" s="1">
        <v>44339</v>
      </c>
    </row>
    <row r="105" spans="1:1" x14ac:dyDescent="0.3">
      <c r="A105" s="1">
        <v>44340</v>
      </c>
    </row>
    <row r="106" spans="1:1" x14ac:dyDescent="0.3">
      <c r="A106" s="1">
        <v>44341</v>
      </c>
    </row>
    <row r="107" spans="1:1" x14ac:dyDescent="0.3">
      <c r="A107" s="1">
        <v>44342</v>
      </c>
    </row>
    <row r="108" spans="1:1" x14ac:dyDescent="0.3">
      <c r="A108" s="1">
        <v>44343</v>
      </c>
    </row>
    <row r="109" spans="1:1" x14ac:dyDescent="0.3">
      <c r="A109" s="1">
        <v>44344</v>
      </c>
    </row>
    <row r="110" spans="1:1" x14ac:dyDescent="0.3">
      <c r="A110" s="1">
        <v>44345</v>
      </c>
    </row>
    <row r="111" spans="1:1" x14ac:dyDescent="0.3">
      <c r="A111" s="1">
        <v>44346</v>
      </c>
    </row>
    <row r="112" spans="1:1" x14ac:dyDescent="0.3">
      <c r="A112" s="1">
        <v>44347</v>
      </c>
    </row>
    <row r="113" spans="1:1" x14ac:dyDescent="0.3">
      <c r="A113" s="1">
        <v>44348</v>
      </c>
    </row>
    <row r="114" spans="1:1" x14ac:dyDescent="0.3">
      <c r="A114" s="1">
        <v>44349</v>
      </c>
    </row>
    <row r="115" spans="1:1" x14ac:dyDescent="0.3">
      <c r="A115" s="1">
        <v>44350</v>
      </c>
    </row>
    <row r="116" spans="1:1" x14ac:dyDescent="0.3">
      <c r="A116" s="1">
        <v>44351</v>
      </c>
    </row>
    <row r="117" spans="1:1" x14ac:dyDescent="0.3">
      <c r="A117" s="1">
        <v>44352</v>
      </c>
    </row>
    <row r="118" spans="1:1" x14ac:dyDescent="0.3">
      <c r="A118" s="1">
        <v>44353</v>
      </c>
    </row>
    <row r="119" spans="1:1" x14ac:dyDescent="0.3">
      <c r="A119" s="1">
        <v>44354</v>
      </c>
    </row>
    <row r="120" spans="1:1" x14ac:dyDescent="0.3">
      <c r="A120" s="1">
        <v>44355</v>
      </c>
    </row>
    <row r="121" spans="1:1" x14ac:dyDescent="0.3">
      <c r="A121" s="1">
        <v>44356</v>
      </c>
    </row>
    <row r="122" spans="1:1" x14ac:dyDescent="0.3">
      <c r="A122" s="1">
        <v>44357</v>
      </c>
    </row>
    <row r="123" spans="1:1" x14ac:dyDescent="0.3">
      <c r="A123" s="1">
        <v>44358</v>
      </c>
    </row>
    <row r="124" spans="1:1" x14ac:dyDescent="0.3">
      <c r="A124" s="1">
        <v>44359</v>
      </c>
    </row>
    <row r="125" spans="1:1" x14ac:dyDescent="0.3">
      <c r="A125" s="1">
        <v>44360</v>
      </c>
    </row>
    <row r="126" spans="1:1" x14ac:dyDescent="0.3">
      <c r="A126" s="1">
        <v>44361</v>
      </c>
    </row>
    <row r="127" spans="1:1" x14ac:dyDescent="0.3">
      <c r="A127" s="1">
        <v>44362</v>
      </c>
    </row>
    <row r="128" spans="1:1" x14ac:dyDescent="0.3">
      <c r="A128" s="1">
        <v>44363</v>
      </c>
    </row>
    <row r="129" spans="1:1" x14ac:dyDescent="0.3">
      <c r="A129" s="1">
        <v>44364</v>
      </c>
    </row>
    <row r="130" spans="1:1" x14ac:dyDescent="0.3">
      <c r="A130" s="1">
        <v>44365</v>
      </c>
    </row>
    <row r="131" spans="1:1" x14ac:dyDescent="0.3">
      <c r="A131" s="1">
        <v>44366</v>
      </c>
    </row>
    <row r="132" spans="1:1" x14ac:dyDescent="0.3">
      <c r="A132" s="1">
        <v>44367</v>
      </c>
    </row>
    <row r="133" spans="1:1" x14ac:dyDescent="0.3">
      <c r="A133" s="1">
        <v>44368</v>
      </c>
    </row>
    <row r="134" spans="1:1" x14ac:dyDescent="0.3">
      <c r="A134" s="1">
        <v>44369</v>
      </c>
    </row>
    <row r="135" spans="1:1" x14ac:dyDescent="0.3">
      <c r="A135" s="1">
        <v>44370</v>
      </c>
    </row>
    <row r="136" spans="1:1" x14ac:dyDescent="0.3">
      <c r="A136" s="1">
        <v>44371</v>
      </c>
    </row>
    <row r="137" spans="1:1" x14ac:dyDescent="0.3">
      <c r="A137" s="1">
        <v>44372</v>
      </c>
    </row>
    <row r="138" spans="1:1" x14ac:dyDescent="0.3">
      <c r="A138" s="1">
        <v>44373</v>
      </c>
    </row>
    <row r="139" spans="1:1" x14ac:dyDescent="0.3">
      <c r="A139" s="1">
        <v>44374</v>
      </c>
    </row>
    <row r="140" spans="1:1" x14ac:dyDescent="0.3">
      <c r="A140" s="1">
        <v>44375</v>
      </c>
    </row>
    <row r="141" spans="1:1" x14ac:dyDescent="0.3">
      <c r="A141" s="1">
        <v>44376</v>
      </c>
    </row>
    <row r="142" spans="1:1" x14ac:dyDescent="0.3">
      <c r="A142" s="1">
        <v>44377</v>
      </c>
    </row>
    <row r="143" spans="1:1" x14ac:dyDescent="0.3">
      <c r="A143" s="1">
        <v>44378</v>
      </c>
    </row>
    <row r="144" spans="1:1" x14ac:dyDescent="0.3">
      <c r="A144" s="1">
        <v>44379</v>
      </c>
    </row>
    <row r="145" spans="1:1" x14ac:dyDescent="0.3">
      <c r="A145" s="1">
        <v>44380</v>
      </c>
    </row>
    <row r="146" spans="1:1" x14ac:dyDescent="0.3">
      <c r="A146" s="1">
        <v>44381</v>
      </c>
    </row>
    <row r="147" spans="1:1" x14ac:dyDescent="0.3">
      <c r="A147" s="1">
        <v>44382</v>
      </c>
    </row>
    <row r="148" spans="1:1" x14ac:dyDescent="0.3">
      <c r="A148" s="1">
        <v>44383</v>
      </c>
    </row>
    <row r="149" spans="1:1" x14ac:dyDescent="0.3">
      <c r="A149" s="1">
        <v>44384</v>
      </c>
    </row>
    <row r="150" spans="1:1" x14ac:dyDescent="0.3">
      <c r="A150" s="1">
        <v>44385</v>
      </c>
    </row>
    <row r="151" spans="1:1" x14ac:dyDescent="0.3">
      <c r="A151" s="1">
        <v>44386</v>
      </c>
    </row>
    <row r="152" spans="1:1" x14ac:dyDescent="0.3">
      <c r="A152" s="1">
        <v>44387</v>
      </c>
    </row>
    <row r="153" spans="1:1" x14ac:dyDescent="0.3">
      <c r="A153" s="1">
        <v>44388</v>
      </c>
    </row>
    <row r="154" spans="1:1" x14ac:dyDescent="0.3">
      <c r="A154" s="1">
        <v>44389</v>
      </c>
    </row>
    <row r="155" spans="1:1" x14ac:dyDescent="0.3">
      <c r="A155" s="1">
        <v>44390</v>
      </c>
    </row>
    <row r="156" spans="1:1" x14ac:dyDescent="0.3">
      <c r="A156" s="1">
        <v>44391</v>
      </c>
    </row>
    <row r="157" spans="1:1" x14ac:dyDescent="0.3">
      <c r="A157" s="1">
        <v>44392</v>
      </c>
    </row>
    <row r="158" spans="1:1" x14ac:dyDescent="0.3">
      <c r="A158" s="1">
        <v>44393</v>
      </c>
    </row>
    <row r="159" spans="1:1" x14ac:dyDescent="0.3">
      <c r="A159" s="1">
        <v>44394</v>
      </c>
    </row>
    <row r="160" spans="1:1" x14ac:dyDescent="0.3">
      <c r="A160" s="1">
        <v>44395</v>
      </c>
    </row>
    <row r="161" spans="1:1" x14ac:dyDescent="0.3">
      <c r="A161" s="1">
        <v>44396</v>
      </c>
    </row>
    <row r="162" spans="1:1" x14ac:dyDescent="0.3">
      <c r="A162" s="1">
        <v>44397</v>
      </c>
    </row>
    <row r="163" spans="1:1" x14ac:dyDescent="0.3">
      <c r="A163" s="1">
        <v>44398</v>
      </c>
    </row>
    <row r="164" spans="1:1" x14ac:dyDescent="0.3">
      <c r="A164" s="1">
        <v>44399</v>
      </c>
    </row>
    <row r="165" spans="1:1" x14ac:dyDescent="0.3">
      <c r="A165" s="1">
        <v>44400</v>
      </c>
    </row>
    <row r="166" spans="1:1" x14ac:dyDescent="0.3">
      <c r="A166" s="1">
        <v>44401</v>
      </c>
    </row>
    <row r="167" spans="1:1" x14ac:dyDescent="0.3">
      <c r="A167" s="1">
        <v>44402</v>
      </c>
    </row>
    <row r="168" spans="1:1" x14ac:dyDescent="0.3">
      <c r="A168" s="1">
        <v>44403</v>
      </c>
    </row>
    <row r="169" spans="1:1" x14ac:dyDescent="0.3">
      <c r="A169" s="1">
        <v>44404</v>
      </c>
    </row>
    <row r="170" spans="1:1" x14ac:dyDescent="0.3">
      <c r="A170" s="1">
        <v>44405</v>
      </c>
    </row>
    <row r="171" spans="1:1" x14ac:dyDescent="0.3">
      <c r="A171" s="1">
        <v>44406</v>
      </c>
    </row>
    <row r="172" spans="1:1" x14ac:dyDescent="0.3">
      <c r="A172" s="1">
        <v>44407</v>
      </c>
    </row>
    <row r="173" spans="1:1" x14ac:dyDescent="0.3">
      <c r="A173" s="1">
        <v>44408</v>
      </c>
    </row>
    <row r="174" spans="1:1" x14ac:dyDescent="0.3">
      <c r="A174" s="1">
        <v>44409</v>
      </c>
    </row>
    <row r="175" spans="1:1" x14ac:dyDescent="0.3">
      <c r="A175" s="1">
        <v>44410</v>
      </c>
    </row>
    <row r="176" spans="1:1" x14ac:dyDescent="0.3">
      <c r="A176" s="1">
        <v>44411</v>
      </c>
    </row>
    <row r="177" spans="1:1" x14ac:dyDescent="0.3">
      <c r="A177" s="1">
        <v>44412</v>
      </c>
    </row>
    <row r="178" spans="1:1" x14ac:dyDescent="0.3">
      <c r="A178" s="1">
        <v>44413</v>
      </c>
    </row>
    <row r="179" spans="1:1" x14ac:dyDescent="0.3">
      <c r="A179" s="1">
        <v>44414</v>
      </c>
    </row>
    <row r="180" spans="1:1" x14ac:dyDescent="0.3">
      <c r="A180" s="1">
        <v>44415</v>
      </c>
    </row>
    <row r="181" spans="1:1" x14ac:dyDescent="0.3">
      <c r="A181" s="1">
        <v>44416</v>
      </c>
    </row>
    <row r="182" spans="1:1" x14ac:dyDescent="0.3">
      <c r="A182" s="1">
        <v>44417</v>
      </c>
    </row>
    <row r="183" spans="1:1" x14ac:dyDescent="0.3">
      <c r="A183" s="1">
        <v>44418</v>
      </c>
    </row>
    <row r="184" spans="1:1" x14ac:dyDescent="0.3">
      <c r="A184" s="1">
        <v>44419</v>
      </c>
    </row>
    <row r="185" spans="1:1" x14ac:dyDescent="0.3">
      <c r="A185" s="1">
        <v>44420</v>
      </c>
    </row>
    <row r="186" spans="1:1" x14ac:dyDescent="0.3">
      <c r="A186" s="1">
        <v>44421</v>
      </c>
    </row>
    <row r="187" spans="1:1" x14ac:dyDescent="0.3">
      <c r="A187" s="1">
        <v>44422</v>
      </c>
    </row>
    <row r="188" spans="1:1" x14ac:dyDescent="0.3">
      <c r="A188" s="1">
        <v>44423</v>
      </c>
    </row>
    <row r="189" spans="1:1" x14ac:dyDescent="0.3">
      <c r="A189" s="1">
        <v>44424</v>
      </c>
    </row>
    <row r="190" spans="1:1" x14ac:dyDescent="0.3">
      <c r="A190" s="1">
        <v>44425</v>
      </c>
    </row>
    <row r="191" spans="1:1" x14ac:dyDescent="0.3">
      <c r="A191" s="1">
        <v>44426</v>
      </c>
    </row>
    <row r="192" spans="1:1" x14ac:dyDescent="0.3">
      <c r="A192" s="1">
        <v>44427</v>
      </c>
    </row>
    <row r="193" spans="1:1" x14ac:dyDescent="0.3">
      <c r="A193" s="1">
        <v>44428</v>
      </c>
    </row>
    <row r="194" spans="1:1" x14ac:dyDescent="0.3">
      <c r="A194" s="1">
        <v>44429</v>
      </c>
    </row>
    <row r="195" spans="1:1" x14ac:dyDescent="0.3">
      <c r="A195" s="1">
        <v>44430</v>
      </c>
    </row>
    <row r="196" spans="1:1" x14ac:dyDescent="0.3">
      <c r="A196" s="1">
        <v>44431</v>
      </c>
    </row>
    <row r="197" spans="1:1" x14ac:dyDescent="0.3">
      <c r="A197" s="1">
        <v>44432</v>
      </c>
    </row>
    <row r="198" spans="1:1" x14ac:dyDescent="0.3">
      <c r="A198" s="1">
        <v>44433</v>
      </c>
    </row>
    <row r="199" spans="1:1" x14ac:dyDescent="0.3">
      <c r="A199" s="1">
        <v>44434</v>
      </c>
    </row>
    <row r="200" spans="1:1" x14ac:dyDescent="0.3">
      <c r="A200" s="1">
        <v>44435</v>
      </c>
    </row>
    <row r="201" spans="1:1" x14ac:dyDescent="0.3">
      <c r="A201" s="1">
        <v>44436</v>
      </c>
    </row>
    <row r="202" spans="1:1" x14ac:dyDescent="0.3">
      <c r="A202" s="1">
        <v>44437</v>
      </c>
    </row>
    <row r="203" spans="1:1" x14ac:dyDescent="0.3">
      <c r="A203" s="1">
        <v>44438</v>
      </c>
    </row>
    <row r="204" spans="1:1" x14ac:dyDescent="0.3">
      <c r="A204" s="1">
        <v>44439</v>
      </c>
    </row>
    <row r="205" spans="1:1" x14ac:dyDescent="0.3">
      <c r="A205" s="1">
        <v>44440</v>
      </c>
    </row>
    <row r="206" spans="1:1" x14ac:dyDescent="0.3">
      <c r="A206" s="1">
        <v>44441</v>
      </c>
    </row>
    <row r="207" spans="1:1" x14ac:dyDescent="0.3">
      <c r="A207" s="1">
        <v>44442</v>
      </c>
    </row>
    <row r="208" spans="1:1" x14ac:dyDescent="0.3">
      <c r="A208" s="1">
        <v>44443</v>
      </c>
    </row>
    <row r="209" spans="1:1" x14ac:dyDescent="0.3">
      <c r="A209" s="1">
        <v>44444</v>
      </c>
    </row>
    <row r="210" spans="1:1" x14ac:dyDescent="0.3">
      <c r="A210" s="1">
        <v>44445</v>
      </c>
    </row>
    <row r="211" spans="1:1" x14ac:dyDescent="0.3">
      <c r="A211" s="1">
        <v>44446</v>
      </c>
    </row>
    <row r="212" spans="1:1" x14ac:dyDescent="0.3">
      <c r="A212" s="1">
        <v>44447</v>
      </c>
    </row>
    <row r="213" spans="1:1" x14ac:dyDescent="0.3">
      <c r="A213" s="1">
        <v>44448</v>
      </c>
    </row>
    <row r="214" spans="1:1" x14ac:dyDescent="0.3">
      <c r="A214" s="1">
        <v>44449</v>
      </c>
    </row>
    <row r="215" spans="1:1" x14ac:dyDescent="0.3">
      <c r="A215" s="1">
        <v>44450</v>
      </c>
    </row>
    <row r="216" spans="1:1" x14ac:dyDescent="0.3">
      <c r="A216" s="1">
        <v>44451</v>
      </c>
    </row>
    <row r="217" spans="1:1" x14ac:dyDescent="0.3">
      <c r="A217" s="1">
        <v>44452</v>
      </c>
    </row>
    <row r="218" spans="1:1" x14ac:dyDescent="0.3">
      <c r="A218" s="1">
        <v>44453</v>
      </c>
    </row>
    <row r="219" spans="1:1" x14ac:dyDescent="0.3">
      <c r="A219" s="1">
        <v>44454</v>
      </c>
    </row>
    <row r="220" spans="1:1" x14ac:dyDescent="0.3">
      <c r="A220" s="1">
        <v>44455</v>
      </c>
    </row>
    <row r="221" spans="1:1" x14ac:dyDescent="0.3">
      <c r="A221" s="1">
        <v>44456</v>
      </c>
    </row>
    <row r="222" spans="1:1" x14ac:dyDescent="0.3">
      <c r="A222" s="1">
        <v>44457</v>
      </c>
    </row>
    <row r="223" spans="1:1" x14ac:dyDescent="0.3">
      <c r="A223" s="1">
        <v>44458</v>
      </c>
    </row>
    <row r="224" spans="1:1" x14ac:dyDescent="0.3">
      <c r="A224" s="1">
        <v>44459</v>
      </c>
    </row>
    <row r="225" spans="1:1" x14ac:dyDescent="0.3">
      <c r="A225" s="1">
        <v>44460</v>
      </c>
    </row>
    <row r="226" spans="1:1" x14ac:dyDescent="0.3">
      <c r="A226" s="1">
        <v>44461</v>
      </c>
    </row>
    <row r="227" spans="1:1" x14ac:dyDescent="0.3">
      <c r="A227" s="1">
        <v>44462</v>
      </c>
    </row>
    <row r="228" spans="1:1" x14ac:dyDescent="0.3">
      <c r="A228" s="1">
        <v>44463</v>
      </c>
    </row>
    <row r="229" spans="1:1" x14ac:dyDescent="0.3">
      <c r="A229" s="1">
        <v>44464</v>
      </c>
    </row>
    <row r="230" spans="1:1" x14ac:dyDescent="0.3">
      <c r="A230" s="1">
        <v>44465</v>
      </c>
    </row>
    <row r="231" spans="1:1" x14ac:dyDescent="0.3">
      <c r="A231" s="1">
        <v>44466</v>
      </c>
    </row>
    <row r="232" spans="1:1" x14ac:dyDescent="0.3">
      <c r="A232" s="1">
        <v>44467</v>
      </c>
    </row>
    <row r="233" spans="1:1" x14ac:dyDescent="0.3">
      <c r="A233" s="1">
        <v>44468</v>
      </c>
    </row>
    <row r="234" spans="1:1" x14ac:dyDescent="0.3">
      <c r="A234" s="1">
        <v>44469</v>
      </c>
    </row>
    <row r="235" spans="1:1" x14ac:dyDescent="0.3">
      <c r="A235" s="1">
        <v>44470</v>
      </c>
    </row>
    <row r="236" spans="1:1" x14ac:dyDescent="0.3">
      <c r="A236" s="1">
        <v>44471</v>
      </c>
    </row>
    <row r="237" spans="1:1" x14ac:dyDescent="0.3">
      <c r="A237" s="1">
        <v>44472</v>
      </c>
    </row>
    <row r="238" spans="1:1" x14ac:dyDescent="0.3">
      <c r="A238" s="1">
        <v>44473</v>
      </c>
    </row>
    <row r="239" spans="1:1" x14ac:dyDescent="0.3">
      <c r="A239" s="1">
        <v>44474</v>
      </c>
    </row>
    <row r="240" spans="1:1" x14ac:dyDescent="0.3">
      <c r="A240" s="1">
        <v>44475</v>
      </c>
    </row>
    <row r="241" spans="1:1" x14ac:dyDescent="0.3">
      <c r="A241" s="1">
        <v>44476</v>
      </c>
    </row>
    <row r="242" spans="1:1" x14ac:dyDescent="0.3">
      <c r="A242" s="1">
        <v>44477</v>
      </c>
    </row>
    <row r="243" spans="1:1" x14ac:dyDescent="0.3">
      <c r="A243" s="1">
        <v>44478</v>
      </c>
    </row>
    <row r="244" spans="1:1" x14ac:dyDescent="0.3">
      <c r="A244" s="1">
        <v>44479</v>
      </c>
    </row>
    <row r="245" spans="1:1" x14ac:dyDescent="0.3">
      <c r="A245" s="1">
        <v>44480</v>
      </c>
    </row>
    <row r="246" spans="1:1" x14ac:dyDescent="0.3">
      <c r="A246" s="1">
        <v>44481</v>
      </c>
    </row>
    <row r="247" spans="1:1" x14ac:dyDescent="0.3">
      <c r="A247" s="1">
        <v>44482</v>
      </c>
    </row>
    <row r="248" spans="1:1" x14ac:dyDescent="0.3">
      <c r="A248" s="1">
        <v>44483</v>
      </c>
    </row>
    <row r="249" spans="1:1" x14ac:dyDescent="0.3">
      <c r="A249" s="1">
        <v>44484</v>
      </c>
    </row>
    <row r="250" spans="1:1" x14ac:dyDescent="0.3">
      <c r="A250" s="1">
        <v>44485</v>
      </c>
    </row>
    <row r="251" spans="1:1" x14ac:dyDescent="0.3">
      <c r="A251" s="1">
        <v>44486</v>
      </c>
    </row>
    <row r="252" spans="1:1" x14ac:dyDescent="0.3">
      <c r="A252" s="1">
        <v>44487</v>
      </c>
    </row>
    <row r="253" spans="1:1" x14ac:dyDescent="0.3">
      <c r="A253" s="1">
        <v>44488</v>
      </c>
    </row>
    <row r="254" spans="1:1" x14ac:dyDescent="0.3">
      <c r="A254" s="1">
        <v>44489</v>
      </c>
    </row>
    <row r="255" spans="1:1" x14ac:dyDescent="0.3">
      <c r="A255" s="1">
        <v>44490</v>
      </c>
    </row>
    <row r="256" spans="1:1" x14ac:dyDescent="0.3">
      <c r="A256" s="1">
        <v>44491</v>
      </c>
    </row>
    <row r="257" spans="1:1" x14ac:dyDescent="0.3">
      <c r="A257" s="1">
        <v>44492</v>
      </c>
    </row>
    <row r="258" spans="1:1" x14ac:dyDescent="0.3">
      <c r="A258" s="1">
        <v>44493</v>
      </c>
    </row>
    <row r="259" spans="1:1" x14ac:dyDescent="0.3">
      <c r="A259" s="1">
        <v>44494</v>
      </c>
    </row>
    <row r="260" spans="1:1" x14ac:dyDescent="0.3">
      <c r="A260" s="1">
        <v>44495</v>
      </c>
    </row>
    <row r="261" spans="1:1" x14ac:dyDescent="0.3">
      <c r="A261" s="1">
        <v>44496</v>
      </c>
    </row>
    <row r="262" spans="1:1" x14ac:dyDescent="0.3">
      <c r="A262" s="1">
        <v>44497</v>
      </c>
    </row>
    <row r="263" spans="1:1" x14ac:dyDescent="0.3">
      <c r="A263" s="1">
        <v>44498</v>
      </c>
    </row>
    <row r="264" spans="1:1" x14ac:dyDescent="0.3">
      <c r="A264" s="1">
        <v>44499</v>
      </c>
    </row>
    <row r="265" spans="1:1" x14ac:dyDescent="0.3">
      <c r="A265" s="1">
        <v>44500</v>
      </c>
    </row>
    <row r="266" spans="1:1" x14ac:dyDescent="0.3">
      <c r="A266" s="1">
        <v>44501</v>
      </c>
    </row>
    <row r="267" spans="1:1" x14ac:dyDescent="0.3">
      <c r="A267" s="1">
        <v>44502</v>
      </c>
    </row>
    <row r="268" spans="1:1" x14ac:dyDescent="0.3">
      <c r="A268" s="1">
        <v>44503</v>
      </c>
    </row>
    <row r="269" spans="1:1" x14ac:dyDescent="0.3">
      <c r="A269" s="1">
        <v>44504</v>
      </c>
    </row>
    <row r="270" spans="1:1" x14ac:dyDescent="0.3">
      <c r="A270" s="1">
        <v>44505</v>
      </c>
    </row>
    <row r="271" spans="1:1" x14ac:dyDescent="0.3">
      <c r="A271" s="1">
        <v>44506</v>
      </c>
    </row>
    <row r="272" spans="1:1" x14ac:dyDescent="0.3">
      <c r="A272" s="1">
        <v>44507</v>
      </c>
    </row>
    <row r="273" spans="1:1" x14ac:dyDescent="0.3">
      <c r="A273" s="1">
        <v>44508</v>
      </c>
    </row>
    <row r="274" spans="1:1" x14ac:dyDescent="0.3">
      <c r="A274" s="1">
        <v>44509</v>
      </c>
    </row>
    <row r="275" spans="1:1" x14ac:dyDescent="0.3">
      <c r="A275" s="1">
        <v>44510</v>
      </c>
    </row>
    <row r="276" spans="1:1" x14ac:dyDescent="0.3">
      <c r="A276" s="1">
        <v>44511</v>
      </c>
    </row>
    <row r="277" spans="1:1" x14ac:dyDescent="0.3">
      <c r="A277" s="1">
        <v>44512</v>
      </c>
    </row>
    <row r="278" spans="1:1" x14ac:dyDescent="0.3">
      <c r="A278" s="1">
        <v>44513</v>
      </c>
    </row>
    <row r="279" spans="1:1" x14ac:dyDescent="0.3">
      <c r="A279" s="1">
        <v>44514</v>
      </c>
    </row>
    <row r="280" spans="1:1" x14ac:dyDescent="0.3">
      <c r="A280" s="1">
        <v>44515</v>
      </c>
    </row>
    <row r="281" spans="1:1" x14ac:dyDescent="0.3">
      <c r="A281" s="1">
        <v>44516</v>
      </c>
    </row>
    <row r="282" spans="1:1" x14ac:dyDescent="0.3">
      <c r="A282" s="1">
        <v>44517</v>
      </c>
    </row>
    <row r="283" spans="1:1" x14ac:dyDescent="0.3">
      <c r="A283" s="1">
        <v>44518</v>
      </c>
    </row>
    <row r="284" spans="1:1" x14ac:dyDescent="0.3">
      <c r="A284" s="1">
        <v>44519</v>
      </c>
    </row>
    <row r="285" spans="1:1" x14ac:dyDescent="0.3">
      <c r="A285" s="1">
        <v>44520</v>
      </c>
    </row>
    <row r="286" spans="1:1" x14ac:dyDescent="0.3">
      <c r="A286" s="1">
        <v>44521</v>
      </c>
    </row>
    <row r="287" spans="1:1" x14ac:dyDescent="0.3">
      <c r="A287" s="1">
        <v>44522</v>
      </c>
    </row>
    <row r="288" spans="1:1" x14ac:dyDescent="0.3">
      <c r="A288" s="1">
        <v>44523</v>
      </c>
    </row>
    <row r="289" spans="1:1" x14ac:dyDescent="0.3">
      <c r="A289" s="1">
        <v>44524</v>
      </c>
    </row>
    <row r="290" spans="1:1" x14ac:dyDescent="0.3">
      <c r="A290" s="1">
        <v>44525</v>
      </c>
    </row>
    <row r="291" spans="1:1" x14ac:dyDescent="0.3">
      <c r="A291" s="1">
        <v>44526</v>
      </c>
    </row>
    <row r="292" spans="1:1" x14ac:dyDescent="0.3">
      <c r="A292" s="1">
        <v>44527</v>
      </c>
    </row>
    <row r="293" spans="1:1" x14ac:dyDescent="0.3">
      <c r="A293" s="1">
        <v>44528</v>
      </c>
    </row>
    <row r="294" spans="1:1" x14ac:dyDescent="0.3">
      <c r="A294" s="1">
        <v>44529</v>
      </c>
    </row>
    <row r="295" spans="1:1" x14ac:dyDescent="0.3">
      <c r="A295" s="1">
        <v>44530</v>
      </c>
    </row>
    <row r="296" spans="1:1" x14ac:dyDescent="0.3">
      <c r="A296" s="1">
        <v>44531</v>
      </c>
    </row>
    <row r="297" spans="1:1" x14ac:dyDescent="0.3">
      <c r="A297" s="1">
        <v>44532</v>
      </c>
    </row>
    <row r="298" spans="1:1" x14ac:dyDescent="0.3">
      <c r="A298" s="1">
        <v>44533</v>
      </c>
    </row>
    <row r="299" spans="1:1" x14ac:dyDescent="0.3">
      <c r="A299" s="1">
        <v>44534</v>
      </c>
    </row>
    <row r="300" spans="1:1" x14ac:dyDescent="0.3">
      <c r="A300" s="1">
        <v>44535</v>
      </c>
    </row>
    <row r="301" spans="1:1" x14ac:dyDescent="0.3">
      <c r="A301" s="1">
        <v>44536</v>
      </c>
    </row>
    <row r="302" spans="1:1" x14ac:dyDescent="0.3">
      <c r="A302" s="1">
        <v>44537</v>
      </c>
    </row>
    <row r="303" spans="1:1" x14ac:dyDescent="0.3">
      <c r="A303" s="1">
        <v>44538</v>
      </c>
    </row>
    <row r="304" spans="1:1" x14ac:dyDescent="0.3">
      <c r="A304" s="1">
        <v>44539</v>
      </c>
    </row>
    <row r="305" spans="1:1" x14ac:dyDescent="0.3">
      <c r="A305" s="1">
        <v>44540</v>
      </c>
    </row>
    <row r="306" spans="1:1" x14ac:dyDescent="0.3">
      <c r="A306" s="1">
        <v>44541</v>
      </c>
    </row>
    <row r="307" spans="1:1" x14ac:dyDescent="0.3">
      <c r="A307" s="1">
        <v>44542</v>
      </c>
    </row>
    <row r="308" spans="1:1" x14ac:dyDescent="0.3">
      <c r="A308" s="1">
        <v>44543</v>
      </c>
    </row>
    <row r="309" spans="1:1" x14ac:dyDescent="0.3">
      <c r="A309" s="1">
        <v>44544</v>
      </c>
    </row>
    <row r="310" spans="1:1" x14ac:dyDescent="0.3">
      <c r="A310" s="1">
        <v>44545</v>
      </c>
    </row>
    <row r="311" spans="1:1" x14ac:dyDescent="0.3">
      <c r="A311" s="1">
        <v>44546</v>
      </c>
    </row>
    <row r="312" spans="1:1" x14ac:dyDescent="0.3">
      <c r="A312" s="1">
        <v>44547</v>
      </c>
    </row>
    <row r="313" spans="1:1" x14ac:dyDescent="0.3">
      <c r="A313" s="1">
        <v>44548</v>
      </c>
    </row>
    <row r="314" spans="1:1" x14ac:dyDescent="0.3">
      <c r="A314" s="1">
        <v>44549</v>
      </c>
    </row>
    <row r="315" spans="1:1" x14ac:dyDescent="0.3">
      <c r="A315" s="1">
        <v>44550</v>
      </c>
    </row>
    <row r="316" spans="1:1" x14ac:dyDescent="0.3">
      <c r="A316" s="1">
        <v>44551</v>
      </c>
    </row>
    <row r="317" spans="1:1" x14ac:dyDescent="0.3">
      <c r="A317" s="1">
        <v>44552</v>
      </c>
    </row>
    <row r="318" spans="1:1" x14ac:dyDescent="0.3">
      <c r="A318" s="1">
        <v>44553</v>
      </c>
    </row>
    <row r="319" spans="1:1" x14ac:dyDescent="0.3">
      <c r="A319" s="1">
        <v>44554</v>
      </c>
    </row>
    <row r="320" spans="1:1" x14ac:dyDescent="0.3">
      <c r="A320" s="1">
        <v>44555</v>
      </c>
    </row>
    <row r="321" spans="1:1" x14ac:dyDescent="0.3">
      <c r="A321" s="1">
        <v>44556</v>
      </c>
    </row>
    <row r="322" spans="1:1" x14ac:dyDescent="0.3">
      <c r="A322" s="1">
        <v>44557</v>
      </c>
    </row>
    <row r="323" spans="1:1" x14ac:dyDescent="0.3">
      <c r="A323" s="1">
        <v>44558</v>
      </c>
    </row>
    <row r="324" spans="1:1" x14ac:dyDescent="0.3">
      <c r="A324" s="1">
        <v>44559</v>
      </c>
    </row>
    <row r="325" spans="1:1" x14ac:dyDescent="0.3">
      <c r="A325" s="1">
        <v>44560</v>
      </c>
    </row>
    <row r="326" spans="1:1" x14ac:dyDescent="0.3">
      <c r="A326" s="1">
        <v>44561</v>
      </c>
    </row>
    <row r="327" spans="1:1" x14ac:dyDescent="0.3">
      <c r="A327" s="1">
        <v>44562</v>
      </c>
    </row>
    <row r="328" spans="1:1" x14ac:dyDescent="0.3">
      <c r="A328" s="1">
        <v>44563</v>
      </c>
    </row>
    <row r="329" spans="1:1" x14ac:dyDescent="0.3">
      <c r="A329" s="1">
        <v>44564</v>
      </c>
    </row>
    <row r="330" spans="1:1" x14ac:dyDescent="0.3">
      <c r="A330" s="1">
        <v>44565</v>
      </c>
    </row>
    <row r="331" spans="1:1" x14ac:dyDescent="0.3">
      <c r="A331" s="1">
        <v>44566</v>
      </c>
    </row>
    <row r="332" spans="1:1" x14ac:dyDescent="0.3">
      <c r="A332" s="1">
        <v>44567</v>
      </c>
    </row>
    <row r="333" spans="1:1" x14ac:dyDescent="0.3">
      <c r="A333" s="1">
        <v>44568</v>
      </c>
    </row>
    <row r="334" spans="1:1" x14ac:dyDescent="0.3">
      <c r="A334" s="1">
        <v>44569</v>
      </c>
    </row>
    <row r="335" spans="1:1" x14ac:dyDescent="0.3">
      <c r="A335" s="1">
        <v>44570</v>
      </c>
    </row>
    <row r="336" spans="1:1" x14ac:dyDescent="0.3">
      <c r="A336" s="1">
        <v>44571</v>
      </c>
    </row>
    <row r="337" spans="1:1" x14ac:dyDescent="0.3">
      <c r="A337" s="1">
        <v>44572</v>
      </c>
    </row>
    <row r="338" spans="1:1" x14ac:dyDescent="0.3">
      <c r="A338" s="1">
        <v>44573</v>
      </c>
    </row>
    <row r="339" spans="1:1" x14ac:dyDescent="0.3">
      <c r="A339" s="1">
        <v>44574</v>
      </c>
    </row>
    <row r="340" spans="1:1" x14ac:dyDescent="0.3">
      <c r="A340" s="1">
        <v>44575</v>
      </c>
    </row>
    <row r="341" spans="1:1" x14ac:dyDescent="0.3">
      <c r="A341" s="1">
        <v>44576</v>
      </c>
    </row>
    <row r="342" spans="1:1" x14ac:dyDescent="0.3">
      <c r="A342" s="1">
        <v>44577</v>
      </c>
    </row>
    <row r="343" spans="1:1" x14ac:dyDescent="0.3">
      <c r="A343" s="1">
        <v>44578</v>
      </c>
    </row>
    <row r="344" spans="1:1" x14ac:dyDescent="0.3">
      <c r="A344" s="1">
        <v>44579</v>
      </c>
    </row>
    <row r="345" spans="1:1" x14ac:dyDescent="0.3">
      <c r="A345" s="1">
        <v>44580</v>
      </c>
    </row>
    <row r="346" spans="1:1" x14ac:dyDescent="0.3">
      <c r="A346" s="1">
        <v>44581</v>
      </c>
    </row>
    <row r="347" spans="1:1" x14ac:dyDescent="0.3">
      <c r="A347" s="1">
        <v>44582</v>
      </c>
    </row>
    <row r="348" spans="1:1" x14ac:dyDescent="0.3">
      <c r="A348" s="1">
        <v>44583</v>
      </c>
    </row>
    <row r="349" spans="1:1" x14ac:dyDescent="0.3">
      <c r="A349" s="1">
        <v>44584</v>
      </c>
    </row>
    <row r="350" spans="1:1" x14ac:dyDescent="0.3">
      <c r="A350" s="1">
        <v>44585</v>
      </c>
    </row>
    <row r="351" spans="1:1" x14ac:dyDescent="0.3">
      <c r="A351" s="1">
        <v>44586</v>
      </c>
    </row>
    <row r="352" spans="1:1" x14ac:dyDescent="0.3">
      <c r="A352" s="1">
        <v>44587</v>
      </c>
    </row>
    <row r="353" spans="1:1" x14ac:dyDescent="0.3">
      <c r="A353" s="1">
        <v>44588</v>
      </c>
    </row>
    <row r="354" spans="1:1" x14ac:dyDescent="0.3">
      <c r="A354" s="1">
        <v>44589</v>
      </c>
    </row>
    <row r="355" spans="1:1" x14ac:dyDescent="0.3">
      <c r="A355" s="1">
        <v>44590</v>
      </c>
    </row>
    <row r="356" spans="1:1" x14ac:dyDescent="0.3">
      <c r="A356" s="1">
        <v>44591</v>
      </c>
    </row>
    <row r="357" spans="1:1" x14ac:dyDescent="0.3">
      <c r="A357" s="1">
        <v>44592</v>
      </c>
    </row>
    <row r="358" spans="1:1" x14ac:dyDescent="0.3">
      <c r="A358" s="1">
        <v>44593</v>
      </c>
    </row>
    <row r="359" spans="1:1" x14ac:dyDescent="0.3">
      <c r="A359" s="1">
        <v>44594</v>
      </c>
    </row>
    <row r="360" spans="1:1" x14ac:dyDescent="0.3">
      <c r="A360" s="1">
        <v>44595</v>
      </c>
    </row>
    <row r="361" spans="1:1" x14ac:dyDescent="0.3">
      <c r="A361" s="1">
        <v>44596</v>
      </c>
    </row>
    <row r="362" spans="1:1" x14ac:dyDescent="0.3">
      <c r="A362" s="1">
        <v>44597</v>
      </c>
    </row>
    <row r="363" spans="1:1" x14ac:dyDescent="0.3">
      <c r="A363" s="1">
        <v>44598</v>
      </c>
    </row>
    <row r="364" spans="1:1" x14ac:dyDescent="0.3">
      <c r="A364" s="1">
        <v>44599</v>
      </c>
    </row>
    <row r="365" spans="1:1" x14ac:dyDescent="0.3">
      <c r="A365" s="1">
        <v>44600</v>
      </c>
    </row>
    <row r="366" spans="1:1" x14ac:dyDescent="0.3">
      <c r="A366" s="1">
        <v>44601</v>
      </c>
    </row>
    <row r="367" spans="1:1" x14ac:dyDescent="0.3">
      <c r="A367" s="1">
        <v>44602</v>
      </c>
    </row>
    <row r="368" spans="1:1" x14ac:dyDescent="0.3">
      <c r="A368" s="1">
        <v>44603</v>
      </c>
    </row>
    <row r="369" spans="1:1" x14ac:dyDescent="0.3">
      <c r="A369" s="1">
        <v>44604</v>
      </c>
    </row>
    <row r="370" spans="1:1" x14ac:dyDescent="0.3">
      <c r="A370" s="1">
        <v>44605</v>
      </c>
    </row>
    <row r="371" spans="1:1" x14ac:dyDescent="0.3">
      <c r="A371" s="1">
        <v>44606</v>
      </c>
    </row>
    <row r="372" spans="1:1" x14ac:dyDescent="0.3">
      <c r="A372" s="1">
        <v>44607</v>
      </c>
    </row>
    <row r="373" spans="1:1" x14ac:dyDescent="0.3">
      <c r="A373" s="1">
        <v>44608</v>
      </c>
    </row>
    <row r="374" spans="1:1" x14ac:dyDescent="0.3">
      <c r="A374" s="1">
        <v>44609</v>
      </c>
    </row>
    <row r="375" spans="1:1" x14ac:dyDescent="0.3">
      <c r="A375" s="1">
        <v>44610</v>
      </c>
    </row>
    <row r="376" spans="1:1" x14ac:dyDescent="0.3">
      <c r="A376" s="1">
        <v>44611</v>
      </c>
    </row>
    <row r="377" spans="1:1" x14ac:dyDescent="0.3">
      <c r="A377" s="1">
        <v>44612</v>
      </c>
    </row>
    <row r="378" spans="1:1" x14ac:dyDescent="0.3">
      <c r="A378" s="1">
        <v>44613</v>
      </c>
    </row>
    <row r="379" spans="1:1" x14ac:dyDescent="0.3">
      <c r="A379" s="1">
        <v>44614</v>
      </c>
    </row>
    <row r="380" spans="1:1" x14ac:dyDescent="0.3">
      <c r="A380" s="1">
        <v>44615</v>
      </c>
    </row>
    <row r="381" spans="1:1" x14ac:dyDescent="0.3">
      <c r="A381" s="1">
        <v>44616</v>
      </c>
    </row>
    <row r="382" spans="1:1" x14ac:dyDescent="0.3">
      <c r="A382" s="1">
        <v>44617</v>
      </c>
    </row>
    <row r="383" spans="1:1" x14ac:dyDescent="0.3">
      <c r="A383" s="1">
        <v>44618</v>
      </c>
    </row>
    <row r="384" spans="1:1" x14ac:dyDescent="0.3">
      <c r="A384" s="1">
        <v>44619</v>
      </c>
    </row>
    <row r="385" spans="1:1" x14ac:dyDescent="0.3">
      <c r="A385" s="1">
        <v>44620</v>
      </c>
    </row>
    <row r="386" spans="1:1" x14ac:dyDescent="0.3">
      <c r="A386" s="1">
        <v>44621</v>
      </c>
    </row>
    <row r="387" spans="1:1" x14ac:dyDescent="0.3">
      <c r="A387" s="1">
        <v>44622</v>
      </c>
    </row>
    <row r="388" spans="1:1" x14ac:dyDescent="0.3">
      <c r="A388" s="1">
        <v>44623</v>
      </c>
    </row>
    <row r="389" spans="1:1" x14ac:dyDescent="0.3">
      <c r="A389" s="1">
        <v>44624</v>
      </c>
    </row>
    <row r="390" spans="1:1" x14ac:dyDescent="0.3">
      <c r="A390" s="1">
        <v>44625</v>
      </c>
    </row>
    <row r="391" spans="1:1" x14ac:dyDescent="0.3">
      <c r="A391" s="1">
        <v>44626</v>
      </c>
    </row>
    <row r="392" spans="1:1" x14ac:dyDescent="0.3">
      <c r="A392" s="1">
        <v>44627</v>
      </c>
    </row>
    <row r="393" spans="1:1" x14ac:dyDescent="0.3">
      <c r="A393" s="1">
        <v>44628</v>
      </c>
    </row>
    <row r="394" spans="1:1" x14ac:dyDescent="0.3">
      <c r="A394" s="1">
        <v>44629</v>
      </c>
    </row>
    <row r="395" spans="1:1" x14ac:dyDescent="0.3">
      <c r="A395" s="1">
        <v>44630</v>
      </c>
    </row>
    <row r="396" spans="1:1" x14ac:dyDescent="0.3">
      <c r="A396" s="1">
        <v>44631</v>
      </c>
    </row>
  </sheetData>
  <pageMargins left="0.7" right="0.7" top="0.75" bottom="0.75" header="0.3" footer="0.3"/>
  <tableParts count="1">
    <tablePart r:id="rId1"/>
  </tablePart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2</vt:i4>
      </vt:variant>
    </vt:vector>
  </HeadingPairs>
  <TitlesOfParts>
    <vt:vector size="2" baseType="lpstr">
      <vt:lpstr>Feuil1</vt:lpstr>
      <vt:lpstr>Feuil2</vt:lpstr>
    </vt:vector>
  </TitlesOfParts>
  <Company>SAFRAN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ALLERIE Erwan (SAFRAN AIRCRAFT ENGINES)</dc:creator>
  <cp:lastModifiedBy>VALLERIE Erwan (SAFRAN AIRCRAFT ENGINES)</cp:lastModifiedBy>
  <dcterms:created xsi:type="dcterms:W3CDTF">2021-02-15T14:43:51Z</dcterms:created>
  <dcterms:modified xsi:type="dcterms:W3CDTF">2021-02-15T15:04:28Z</dcterms:modified>
</cp:coreProperties>
</file>